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26"/>
  <workbookPr filterPrivacy="1" defaultThemeVersion="124226"/>
  <xr:revisionPtr revIDLastSave="0" documentId="13_ncr:1_{4AD22BB2-A09E-42BC-8F13-E67AF6651381}" xr6:coauthVersionLast="47" xr6:coauthVersionMax="47" xr10:uidLastSave="{00000000-0000-0000-0000-000000000000}"/>
  <bookViews>
    <workbookView xWindow="-120" yWindow="-120" windowWidth="20730" windowHeight="11160" activeTab="1" xr2:uid="{00000000-000D-0000-FFFF-FFFF00000000}"/>
  </bookViews>
  <sheets>
    <sheet name="注記" sheetId="6" r:id="rId1"/>
    <sheet name="有形固定資産等明細表" sheetId="8" r:id="rId2"/>
    <sheet name="出資金明細" sheetId="7" r:id="rId3"/>
    <sheet name="引当金明細表" sheetId="9" r:id="rId4"/>
  </sheets>
  <externalReferences>
    <externalReference r:id="rId5"/>
    <externalReference r:id="rId6"/>
    <externalReference r:id="rId7"/>
    <externalReference r:id="rId8"/>
    <externalReference r:id="rId9"/>
    <externalReference r:id="rId10"/>
  </externalReferences>
  <definedNames>
    <definedName name="CTI番号" localSheetId="2">#REF!</definedName>
    <definedName name="CTI番号">#REF!</definedName>
    <definedName name="DB型２">[1]リスト!$A$2:$A$4</definedName>
    <definedName name="FAX番号" localSheetId="2">#REF!</definedName>
    <definedName name="FAX番号">#REF!</definedName>
    <definedName name="FDDW0012new">[2]リスト!$A$2:$A$4</definedName>
    <definedName name="fffff">[3]リスト!$A$2:$A$4</definedName>
    <definedName name="_xlnm.Print_Area" localSheetId="3">引当金明細表!$A$1:$O$20</definedName>
    <definedName name="_xlnm.Print_Area" localSheetId="2">出資金明細!$A$1:$R$15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 localSheetId="2">#REF!</definedName>
    <definedName name="UI変更有無">#REF!</definedName>
    <definedName name="エスカレーション担当者" localSheetId="2">#REF!</definedName>
    <definedName name="エスカレーション担当者">#REF!</definedName>
    <definedName name="エスカレーション日時" localSheetId="2">#REF!</definedName>
    <definedName name="エスカレーション日時">#REF!</definedName>
    <definedName name="オンライン障害" localSheetId="2">#REF!</definedName>
    <definedName name="オンライン障害">#REF!</definedName>
    <definedName name="カテゴリ１" localSheetId="2">#REF!</definedName>
    <definedName name="カテゴリ１">#REF!</definedName>
    <definedName name="カテゴリ２" localSheetId="2">#REF!</definedName>
    <definedName name="カテゴリ２">#REF!</definedName>
    <definedName name="カテゴリ３" localSheetId="2">#REF!</definedName>
    <definedName name="カテゴリ３">#REF!</definedName>
    <definedName name="グループ" localSheetId="2">#REF!</definedName>
    <definedName name="グループ">#REF!</definedName>
    <definedName name="ご連絡先" localSheetId="2">#REF!</definedName>
    <definedName name="ご連絡先">#REF!</definedName>
    <definedName name="チェックフラグ" localSheetId="2">#REF!</definedName>
    <definedName name="チェックフラグ">#REF!</definedName>
    <definedName name="データパッチ" localSheetId="2">#REF!</definedName>
    <definedName name="データパッチ">#REF!</definedName>
    <definedName name="プログラム修正" localSheetId="2">#REF!</definedName>
    <definedName name="プログラム修正">#REF!</definedName>
    <definedName name="リリース日" localSheetId="2">#REF!</definedName>
    <definedName name="リリース日">#REF!</definedName>
    <definedName name="運用SE受領日時" localSheetId="2">#REF!</definedName>
    <definedName name="運用SE受領日時">#REF!</definedName>
    <definedName name="運用SE担当者" localSheetId="2">#REF!</definedName>
    <definedName name="運用SE担当者">#REF!</definedName>
    <definedName name="影響範囲" localSheetId="2">#REF!</definedName>
    <definedName name="影響範囲">#REF!</definedName>
    <definedName name="画面ID" localSheetId="2">#REF!</definedName>
    <definedName name="画面ID">#REF!</definedName>
    <definedName name="画面名" localSheetId="2">#REF!</definedName>
    <definedName name="画面名">#REF!</definedName>
    <definedName name="回復確認日時" localSheetId="2">#REF!</definedName>
    <definedName name="回復確認日時">#REF!</definedName>
    <definedName name="確認担当者" localSheetId="2">#REF!</definedName>
    <definedName name="確認担当者">#REF!</definedName>
    <definedName name="勘定科目テーブル">[4]勘定科目!$A$7:$X$577</definedName>
    <definedName name="管理番号" localSheetId="2">#REF!</definedName>
    <definedName name="管理番号">#REF!</definedName>
    <definedName name="件名" localSheetId="2">#REF!</definedName>
    <definedName name="件名">#REF!</definedName>
    <definedName name="原因分類" localSheetId="2">#REF!</definedName>
    <definedName name="原因分類">#REF!</definedName>
    <definedName name="公開不可" localSheetId="2">#REF!</definedName>
    <definedName name="公開不可">#REF!</definedName>
    <definedName name="作業日時開始" localSheetId="2">#REF!</definedName>
    <definedName name="作業日時開始">#REF!</definedName>
    <definedName name="作業日時終了" localSheetId="2">#REF!</definedName>
    <definedName name="作業日時終了">#REF!</definedName>
    <definedName name="受付区分" localSheetId="2">#REF!</definedName>
    <definedName name="受付区分">#REF!</definedName>
    <definedName name="受付時間" localSheetId="2">#REF!</definedName>
    <definedName name="受付時間">#REF!</definedName>
    <definedName name="受付日" localSheetId="2">#REF!</definedName>
    <definedName name="受付日">#REF!</definedName>
    <definedName name="受付日時" localSheetId="2">#REF!</definedName>
    <definedName name="受付日時">#REF!</definedName>
    <definedName name="収入未済" localSheetId="2">#REF!</definedName>
    <definedName name="収入未済">#REF!</definedName>
    <definedName name="所属" localSheetId="2">#REF!</definedName>
    <definedName name="所属">#REF!</definedName>
    <definedName name="詳細コード" localSheetId="2">#REF!</definedName>
    <definedName name="詳細コード">#REF!</definedName>
    <definedName name="障害発生日時" localSheetId="2">#REF!</definedName>
    <definedName name="障害発生日時">#REF!</definedName>
    <definedName name="状態" localSheetId="2">#REF!</definedName>
    <definedName name="状態">#REF!</definedName>
    <definedName name="職員番号" localSheetId="2">#REF!</definedName>
    <definedName name="職員番号">#REF!</definedName>
    <definedName name="職員名" localSheetId="2">#REF!</definedName>
    <definedName name="職員名">#REF!</definedName>
    <definedName name="切り分け完了日時" localSheetId="2">#REF!</definedName>
    <definedName name="切り分け完了日時">#REF!</definedName>
    <definedName name="切り分け担当者" localSheetId="2">#REF!</definedName>
    <definedName name="切り分け担当者">#REF!</definedName>
    <definedName name="対応サブシステムコード" localSheetId="2">#REF!</definedName>
    <definedName name="対応サブシステムコード">#REF!</definedName>
    <definedName name="対応サブシステム名" localSheetId="2">#REF!</definedName>
    <definedName name="対応サブシステム名">#REF!</definedName>
    <definedName name="対応システムコード" localSheetId="2">#REF!</definedName>
    <definedName name="対応システムコード">#REF!</definedName>
    <definedName name="対応システム名" localSheetId="2">#REF!</definedName>
    <definedName name="対応システム名">#REF!</definedName>
    <definedName name="対応策" localSheetId="2">#REF!</definedName>
    <definedName name="対応策">#REF!</definedName>
    <definedName name="対応策立案日時" localSheetId="2">#REF!</definedName>
    <definedName name="対応策立案日時">#REF!</definedName>
    <definedName name="対応変更結果" localSheetId="2">#REF!</definedName>
    <definedName name="対応変更結果">#REF!</definedName>
    <definedName name="担当Ope" localSheetId="2">#REF!</definedName>
    <definedName name="担当Ope">#REF!</definedName>
    <definedName name="担当者" localSheetId="2">#REF!</definedName>
    <definedName name="担当者">#REF!</definedName>
    <definedName name="調査結果内容" localSheetId="2">#REF!</definedName>
    <definedName name="調査結果内容">#REF!</definedName>
    <definedName name="調査内容" localSheetId="2">#REF!</definedName>
    <definedName name="調査内容">#REF!</definedName>
    <definedName name="適用日" localSheetId="2">#REF!</definedName>
    <definedName name="適用日">#REF!</definedName>
    <definedName name="電話番号" localSheetId="2">#REF!</definedName>
    <definedName name="電話番号">#REF!</definedName>
    <definedName name="内線" localSheetId="2">#REF!</definedName>
    <definedName name="内線">#REF!</definedName>
    <definedName name="納期設定" localSheetId="2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 localSheetId="2">#REF!</definedName>
    <definedName name="部署">#REF!</definedName>
    <definedName name="変更環境" localSheetId="2">#REF!</definedName>
    <definedName name="変更環境">#REF!</definedName>
    <definedName name="変更情報変更点" localSheetId="2">#REF!</definedName>
    <definedName name="変更情報変更点">#REF!</definedName>
    <definedName name="変更内容" localSheetId="2">#REF!</definedName>
    <definedName name="変更内容">#REF!</definedName>
    <definedName name="凡例">[6]リスト!$B$2:$B$8</definedName>
    <definedName name="問合せ区分" localSheetId="2">#REF!</definedName>
    <definedName name="問合せ区分">#REF!</definedName>
    <definedName name="有り無し">[6]リスト!$A$2:$A$3</definedName>
    <definedName name="立案担当者" localSheetId="2">#REF!</definedName>
    <definedName name="立案担当者">#REF!</definedName>
    <definedName name="連絡事項" localSheetId="2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11" i="7" l="1"/>
  <c r="O11" i="7" s="1"/>
  <c r="Q11" i="7"/>
  <c r="M12" i="7"/>
  <c r="O12" i="7" s="1"/>
  <c r="Q12" i="7"/>
  <c r="M13" i="7"/>
  <c r="O13" i="7" s="1"/>
  <c r="Q13" i="7"/>
  <c r="I14" i="7"/>
  <c r="J14" i="7"/>
  <c r="P14" i="7"/>
  <c r="Q14" i="7" l="1"/>
</calcChain>
</file>

<file path=xl/sharedStrings.xml><?xml version="1.0" encoding="utf-8"?>
<sst xmlns="http://schemas.openxmlformats.org/spreadsheetml/2006/main" count="102" uniqueCount="84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建設局</t>
    <rPh sb="0" eb="2">
      <t>ケンセツ</t>
    </rPh>
    <rPh sb="2" eb="3">
      <t>キョク</t>
    </rPh>
    <phoneticPr fontId="1"/>
  </si>
  <si>
    <t>該当事項はありません。</t>
    <rPh sb="0" eb="2">
      <t>ガイトウ</t>
    </rPh>
    <rPh sb="2" eb="4">
      <t>ジコウ</t>
    </rPh>
    <phoneticPr fontId="1"/>
  </si>
  <si>
    <t>河川事業</t>
    <rPh sb="0" eb="2">
      <t>カセン</t>
    </rPh>
    <rPh sb="2" eb="4">
      <t>ジギョウ</t>
    </rPh>
    <phoneticPr fontId="1"/>
  </si>
  <si>
    <t>合　　　　計</t>
    <rPh sb="0" eb="1">
      <t>ア</t>
    </rPh>
    <rPh sb="5" eb="6">
      <t>ケイ</t>
    </rPh>
    <phoneticPr fontId="14"/>
  </si>
  <si>
    <t>（公財）リバーフロント研究所</t>
    <phoneticPr fontId="15"/>
  </si>
  <si>
    <t>（一財）河川情報センター</t>
    <phoneticPr fontId="15"/>
  </si>
  <si>
    <t>（公財）河川財団</t>
    <phoneticPr fontId="15"/>
  </si>
  <si>
    <t>①－⑦</t>
    <phoneticPr fontId="14"/>
  </si>
  <si>
    <t>⑦</t>
    <phoneticPr fontId="14"/>
  </si>
  <si>
    <t>⑥＝④×⑤</t>
    <phoneticPr fontId="14"/>
  </si>
  <si>
    <t>⑤</t>
    <phoneticPr fontId="14"/>
  </si>
  <si>
    <t>④＝②－③</t>
    <phoneticPr fontId="14"/>
  </si>
  <si>
    <t>③</t>
    <phoneticPr fontId="14"/>
  </si>
  <si>
    <t>②</t>
    <phoneticPr fontId="14"/>
  </si>
  <si>
    <t>①</t>
    <phoneticPr fontId="14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14"/>
  </si>
  <si>
    <t>強制評価減</t>
    <rPh sb="0" eb="2">
      <t>キョウセイ</t>
    </rPh>
    <rPh sb="2" eb="4">
      <t>ヒョウカ</t>
    </rPh>
    <rPh sb="4" eb="5">
      <t>ゲン</t>
    </rPh>
    <phoneticPr fontId="14"/>
  </si>
  <si>
    <t>実質価額</t>
    <rPh sb="0" eb="2">
      <t>ジッシツ</t>
    </rPh>
    <rPh sb="2" eb="4">
      <t>カガク</t>
    </rPh>
    <phoneticPr fontId="14"/>
  </si>
  <si>
    <t>出えん等比率（％）</t>
    <rPh sb="0" eb="1">
      <t>シュツ</t>
    </rPh>
    <rPh sb="3" eb="4">
      <t>トウ</t>
    </rPh>
    <rPh sb="4" eb="6">
      <t>ヒリツ</t>
    </rPh>
    <phoneticPr fontId="14"/>
  </si>
  <si>
    <t>純資産額</t>
    <rPh sb="0" eb="3">
      <t>ジュンシサン</t>
    </rPh>
    <rPh sb="3" eb="4">
      <t>ガク</t>
    </rPh>
    <phoneticPr fontId="14"/>
  </si>
  <si>
    <t>負債</t>
    <rPh sb="0" eb="2">
      <t>フサイ</t>
    </rPh>
    <phoneticPr fontId="14"/>
  </si>
  <si>
    <t>資産</t>
    <rPh sb="0" eb="2">
      <t>シサン</t>
    </rPh>
    <phoneticPr fontId="14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15"/>
  </si>
  <si>
    <t>取得原価</t>
    <rPh sb="0" eb="2">
      <t>シュトク</t>
    </rPh>
    <rPh sb="2" eb="4">
      <t>ゲンカ</t>
    </rPh>
    <phoneticPr fontId="15"/>
  </si>
  <si>
    <t>相手先名</t>
    <rPh sb="0" eb="3">
      <t>アイテサキ</t>
    </rPh>
    <rPh sb="3" eb="4">
      <t>メイ</t>
    </rPh>
    <phoneticPr fontId="14"/>
  </si>
  <si>
    <t>（単位：円）</t>
    <rPh sb="4" eb="5">
      <t>エン</t>
    </rPh>
    <phoneticPr fontId="15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15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14"/>
  </si>
  <si>
    <t>河川事業</t>
    <rPh sb="0" eb="2">
      <t>カセン</t>
    </rPh>
    <phoneticPr fontId="15"/>
  </si>
  <si>
    <t>一般会計</t>
  </si>
  <si>
    <t>建設局</t>
  </si>
  <si>
    <t>河川事業</t>
  </si>
  <si>
    <t>有 形 固 定 資 産 等 明 細 表</t>
    <phoneticPr fontId="14"/>
  </si>
  <si>
    <t>（単位：円）</t>
    <phoneticPr fontId="14"/>
  </si>
  <si>
    <t>区分</t>
    <phoneticPr fontId="14"/>
  </si>
  <si>
    <t>前年度末残高</t>
    <rPh sb="0" eb="3">
      <t>ゼンネンド</t>
    </rPh>
    <rPh sb="3" eb="4">
      <t>マツ</t>
    </rPh>
    <rPh sb="4" eb="6">
      <t>ザンダカ</t>
    </rPh>
    <phoneticPr fontId="1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4"/>
  </si>
  <si>
    <t>当年度末残高</t>
    <rPh sb="3" eb="4">
      <t>マツ</t>
    </rPh>
    <rPh sb="4" eb="6">
      <t>ザンダカ</t>
    </rPh>
    <phoneticPr fontId="1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4"/>
  </si>
  <si>
    <t>当年度償却額</t>
    <phoneticPr fontId="14"/>
  </si>
  <si>
    <t>差引当年度末残高</t>
    <rPh sb="0" eb="2">
      <t>サシヒキ</t>
    </rPh>
    <rPh sb="5" eb="6">
      <t>マツ</t>
    </rPh>
    <rPh sb="6" eb="8">
      <t>ザンダカ</t>
    </rPh>
    <phoneticPr fontId="14"/>
  </si>
  <si>
    <t>④＝①＋②－③</t>
    <phoneticPr fontId="14"/>
  </si>
  <si>
    <t>⑥</t>
    <phoneticPr fontId="14"/>
  </si>
  <si>
    <t>④－⑤</t>
    <phoneticPr fontId="14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14"/>
  </si>
  <si>
    <t>引 当 金 明 細 表</t>
    <phoneticPr fontId="14"/>
  </si>
  <si>
    <t>区分</t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4"/>
  </si>
  <si>
    <t>目的使用</t>
    <rPh sb="0" eb="2">
      <t>モクテキ</t>
    </rPh>
    <rPh sb="2" eb="4">
      <t>シヨウ</t>
    </rPh>
    <phoneticPr fontId="14"/>
  </si>
  <si>
    <t>その他</t>
    <rPh sb="2" eb="3">
      <t>タ</t>
    </rPh>
    <phoneticPr fontId="14"/>
  </si>
  <si>
    <t>計</t>
    <rPh sb="0" eb="1">
      <t>ケイ</t>
    </rPh>
    <phoneticPr fontId="14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.0%"/>
  </numFmts>
  <fonts count="2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  <scheme val="minor"/>
    </font>
    <font>
      <sz val="16"/>
      <name val="ＭＳ 明朝"/>
      <family val="1"/>
      <charset val="128"/>
    </font>
    <font>
      <b/>
      <sz val="24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24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4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86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13" fillId="0" borderId="0" xfId="3" applyFont="1" applyFill="1">
      <alignment vertical="center"/>
    </xf>
    <xf numFmtId="176" fontId="13" fillId="0" borderId="1" xfId="3" applyNumberFormat="1" applyFont="1" applyFill="1" applyBorder="1">
      <alignment vertical="center"/>
    </xf>
    <xf numFmtId="176" fontId="13" fillId="0" borderId="2" xfId="3" applyNumberFormat="1" applyFont="1" applyFill="1" applyBorder="1">
      <alignment vertical="center"/>
    </xf>
    <xf numFmtId="177" fontId="13" fillId="0" borderId="1" xfId="3" applyNumberFormat="1" applyFont="1" applyFill="1" applyBorder="1">
      <alignment vertical="center"/>
    </xf>
    <xf numFmtId="0" fontId="13" fillId="0" borderId="6" xfId="3" applyFont="1" applyFill="1" applyBorder="1" applyAlignment="1">
      <alignment horizontal="center" vertical="center"/>
    </xf>
    <xf numFmtId="0" fontId="13" fillId="0" borderId="10" xfId="3" applyFont="1" applyFill="1" applyBorder="1" applyAlignment="1">
      <alignment horizontal="center" vertical="center"/>
    </xf>
    <xf numFmtId="0" fontId="13" fillId="0" borderId="10" xfId="3" applyFont="1" applyFill="1" applyBorder="1" applyAlignment="1">
      <alignment horizontal="center" vertical="center" wrapText="1"/>
    </xf>
    <xf numFmtId="0" fontId="13" fillId="0" borderId="0" xfId="3" applyFont="1" applyFill="1" applyAlignment="1">
      <alignment horizontal="right" vertical="center"/>
    </xf>
    <xf numFmtId="0" fontId="16" fillId="0" borderId="0" xfId="3" applyFont="1">
      <alignment vertical="center"/>
    </xf>
    <xf numFmtId="0" fontId="18" fillId="0" borderId="0" xfId="2" applyFont="1" applyFill="1" applyAlignment="1">
      <alignment horizontal="left" vertical="center"/>
    </xf>
    <xf numFmtId="0" fontId="16" fillId="0" borderId="0" xfId="3" applyFont="1" applyAlignment="1">
      <alignment horizontal="right" vertical="center"/>
    </xf>
    <xf numFmtId="0" fontId="16" fillId="0" borderId="10" xfId="3" applyFont="1" applyBorder="1" applyAlignment="1">
      <alignment horizontal="center" vertical="center" wrapText="1"/>
    </xf>
    <xf numFmtId="0" fontId="16" fillId="0" borderId="10" xfId="3" applyFont="1" applyBorder="1" applyAlignment="1">
      <alignment horizontal="center" vertical="center"/>
    </xf>
    <xf numFmtId="0" fontId="16" fillId="0" borderId="6" xfId="3" applyFont="1" applyBorder="1" applyAlignment="1">
      <alignment horizontal="center" vertical="center"/>
    </xf>
    <xf numFmtId="0" fontId="16" fillId="0" borderId="5" xfId="3" applyFont="1" applyBorder="1" applyAlignment="1">
      <alignment vertical="center"/>
    </xf>
    <xf numFmtId="0" fontId="16" fillId="0" borderId="4" xfId="3" applyFont="1" applyBorder="1" applyAlignment="1">
      <alignment vertical="center"/>
    </xf>
    <xf numFmtId="0" fontId="16" fillId="0" borderId="3" xfId="3" applyFont="1" applyBorder="1" applyAlignment="1">
      <alignment vertical="center"/>
    </xf>
    <xf numFmtId="176" fontId="16" fillId="0" borderId="1" xfId="3" applyNumberFormat="1" applyFont="1" applyBorder="1">
      <alignment vertical="center"/>
    </xf>
    <xf numFmtId="0" fontId="16" fillId="0" borderId="5" xfId="3" applyFont="1" applyFill="1" applyBorder="1" applyAlignment="1">
      <alignment vertical="center"/>
    </xf>
    <xf numFmtId="0" fontId="16" fillId="0" borderId="4" xfId="3" applyFont="1" applyFill="1" applyBorder="1" applyAlignment="1">
      <alignment vertical="center"/>
    </xf>
    <xf numFmtId="0" fontId="16" fillId="0" borderId="3" xfId="3" applyFont="1" applyFill="1" applyBorder="1" applyAlignment="1">
      <alignment vertical="center"/>
    </xf>
    <xf numFmtId="0" fontId="13" fillId="0" borderId="0" xfId="3" applyFont="1">
      <alignment vertical="center"/>
    </xf>
    <xf numFmtId="0" fontId="13" fillId="0" borderId="0" xfId="3" quotePrefix="1" applyFont="1">
      <alignment vertical="center"/>
    </xf>
    <xf numFmtId="0" fontId="13" fillId="0" borderId="0" xfId="3" applyFont="1" applyAlignment="1">
      <alignment horizontal="right" vertical="center"/>
    </xf>
    <xf numFmtId="0" fontId="13" fillId="0" borderId="1" xfId="3" applyFont="1" applyBorder="1" applyAlignment="1">
      <alignment horizontal="center" vertical="center"/>
    </xf>
    <xf numFmtId="176" fontId="13" fillId="0" borderId="1" xfId="3" applyNumberFormat="1" applyFont="1" applyBorder="1">
      <alignment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17" fillId="0" borderId="0" xfId="3" applyFont="1" applyAlignment="1">
      <alignment horizontal="center" vertical="center"/>
    </xf>
    <xf numFmtId="0" fontId="19" fillId="0" borderId="0" xfId="3" applyFont="1" applyAlignment="1">
      <alignment horizontal="center" vertical="center"/>
    </xf>
    <xf numFmtId="0" fontId="16" fillId="0" borderId="13" xfId="3" applyFont="1" applyBorder="1" applyAlignment="1">
      <alignment horizontal="center" vertical="center"/>
    </xf>
    <xf numFmtId="0" fontId="16" fillId="0" borderId="12" xfId="3" applyFont="1" applyBorder="1" applyAlignment="1">
      <alignment horizontal="center" vertical="center"/>
    </xf>
    <xf numFmtId="0" fontId="16" fillId="0" borderId="11" xfId="3" applyFont="1" applyBorder="1" applyAlignment="1">
      <alignment horizontal="center" vertical="center"/>
    </xf>
    <xf numFmtId="0" fontId="16" fillId="0" borderId="9" xfId="3" applyFont="1" applyBorder="1" applyAlignment="1">
      <alignment horizontal="center" vertical="center"/>
    </xf>
    <xf numFmtId="0" fontId="16" fillId="0" borderId="8" xfId="3" applyFont="1" applyBorder="1" applyAlignment="1">
      <alignment horizontal="center" vertical="center"/>
    </xf>
    <xf numFmtId="0" fontId="16" fillId="0" borderId="7" xfId="3" applyFont="1" applyBorder="1" applyAlignment="1">
      <alignment horizontal="center" vertical="center"/>
    </xf>
    <xf numFmtId="0" fontId="16" fillId="0" borderId="5" xfId="3" applyFont="1" applyBorder="1" applyAlignment="1">
      <alignment horizontal="center" vertical="center"/>
    </xf>
    <xf numFmtId="0" fontId="16" fillId="0" borderId="4" xfId="3" applyFont="1" applyBorder="1" applyAlignment="1">
      <alignment horizontal="center" vertical="center"/>
    </xf>
    <xf numFmtId="0" fontId="16" fillId="0" borderId="3" xfId="3" applyFont="1" applyBorder="1" applyAlignment="1">
      <alignment horizontal="center" vertical="center"/>
    </xf>
    <xf numFmtId="0" fontId="16" fillId="0" borderId="0" xfId="3" applyFont="1" applyAlignment="1">
      <alignment horizontal="left" vertical="center"/>
    </xf>
    <xf numFmtId="0" fontId="13" fillId="0" borderId="5" xfId="3" applyFont="1" applyFill="1" applyBorder="1" applyAlignment="1">
      <alignment horizontal="center" vertical="center"/>
    </xf>
    <xf numFmtId="0" fontId="13" fillId="0" borderId="4" xfId="3" applyFont="1" applyFill="1" applyBorder="1" applyAlignment="1">
      <alignment horizontal="center" vertical="center"/>
    </xf>
    <xf numFmtId="0" fontId="13" fillId="0" borderId="3" xfId="3" applyFont="1" applyFill="1" applyBorder="1" applyAlignment="1">
      <alignment horizontal="center" vertical="center"/>
    </xf>
    <xf numFmtId="0" fontId="13" fillId="0" borderId="13" xfId="3" applyFont="1" applyFill="1" applyBorder="1" applyAlignment="1">
      <alignment horizontal="center" vertical="center"/>
    </xf>
    <xf numFmtId="0" fontId="13" fillId="0" borderId="12" xfId="3" applyFont="1" applyFill="1" applyBorder="1" applyAlignment="1">
      <alignment horizontal="center" vertical="center"/>
    </xf>
    <xf numFmtId="0" fontId="13" fillId="0" borderId="11" xfId="3" applyFont="1" applyFill="1" applyBorder="1" applyAlignment="1">
      <alignment horizontal="center" vertical="center"/>
    </xf>
    <xf numFmtId="0" fontId="13" fillId="0" borderId="9" xfId="3" applyFont="1" applyFill="1" applyBorder="1" applyAlignment="1">
      <alignment horizontal="center" vertical="center"/>
    </xf>
    <xf numFmtId="0" fontId="13" fillId="0" borderId="8" xfId="3" applyFont="1" applyFill="1" applyBorder="1" applyAlignment="1">
      <alignment horizontal="center" vertical="center"/>
    </xf>
    <xf numFmtId="0" fontId="13" fillId="0" borderId="7" xfId="3" applyFont="1" applyFill="1" applyBorder="1" applyAlignment="1">
      <alignment horizontal="center" vertical="center"/>
    </xf>
    <xf numFmtId="0" fontId="13" fillId="0" borderId="10" xfId="3" applyFont="1" applyFill="1" applyBorder="1" applyAlignment="1">
      <alignment horizontal="center" vertical="center" wrapText="1"/>
    </xf>
    <xf numFmtId="0" fontId="13" fillId="0" borderId="6" xfId="3" applyFont="1" applyFill="1" applyBorder="1" applyAlignment="1">
      <alignment horizontal="center" vertical="center" wrapText="1"/>
    </xf>
    <xf numFmtId="0" fontId="20" fillId="0" borderId="0" xfId="3" applyFont="1" applyAlignment="1">
      <alignment horizontal="center" vertical="center"/>
    </xf>
    <xf numFmtId="0" fontId="21" fillId="0" borderId="0" xfId="3" applyFont="1" applyAlignment="1">
      <alignment horizontal="center" vertical="center"/>
    </xf>
    <xf numFmtId="0" fontId="13" fillId="0" borderId="0" xfId="3" applyFont="1" applyAlignment="1">
      <alignment horizontal="center" vertical="center"/>
    </xf>
    <xf numFmtId="0" fontId="13" fillId="0" borderId="13" xfId="3" applyFont="1" applyBorder="1" applyAlignment="1">
      <alignment horizontal="center" vertical="center"/>
    </xf>
    <xf numFmtId="0" fontId="13" fillId="0" borderId="12" xfId="3" applyFont="1" applyBorder="1" applyAlignment="1">
      <alignment horizontal="center" vertical="center"/>
    </xf>
    <xf numFmtId="0" fontId="13" fillId="0" borderId="11" xfId="3" applyFont="1" applyBorder="1" applyAlignment="1">
      <alignment horizontal="center" vertical="center"/>
    </xf>
    <xf numFmtId="0" fontId="13" fillId="0" borderId="9" xfId="3" applyFont="1" applyBorder="1" applyAlignment="1">
      <alignment horizontal="center" vertical="center"/>
    </xf>
    <xf numFmtId="0" fontId="13" fillId="0" borderId="8" xfId="3" applyFont="1" applyBorder="1" applyAlignment="1">
      <alignment horizontal="center" vertical="center"/>
    </xf>
    <xf numFmtId="0" fontId="13" fillId="0" borderId="7" xfId="3" applyFont="1" applyBorder="1" applyAlignment="1">
      <alignment horizontal="center" vertical="center"/>
    </xf>
    <xf numFmtId="0" fontId="13" fillId="0" borderId="10" xfId="3" applyFont="1" applyBorder="1" applyAlignment="1">
      <alignment horizontal="center" vertical="center"/>
    </xf>
    <xf numFmtId="0" fontId="13" fillId="0" borderId="6" xfId="3" applyFont="1" applyBorder="1" applyAlignment="1">
      <alignment horizontal="center" vertical="center"/>
    </xf>
    <xf numFmtId="0" fontId="13" fillId="0" borderId="5" xfId="3" applyFont="1" applyBorder="1" applyAlignment="1">
      <alignment horizontal="center" vertical="center"/>
    </xf>
    <xf numFmtId="0" fontId="13" fillId="0" borderId="4" xfId="3" applyFont="1" applyBorder="1" applyAlignment="1">
      <alignment horizontal="center" vertical="center"/>
    </xf>
    <xf numFmtId="0" fontId="13" fillId="0" borderId="3" xfId="3" applyFont="1" applyBorder="1" applyAlignment="1">
      <alignment horizontal="center" vertical="center"/>
    </xf>
    <xf numFmtId="0" fontId="13" fillId="0" borderId="10" xfId="3" applyFont="1" applyBorder="1" applyAlignment="1">
      <alignment horizontal="center" vertical="center" wrapText="1"/>
    </xf>
    <xf numFmtId="0" fontId="13" fillId="0" borderId="6" xfId="3" applyFont="1" applyBorder="1" applyAlignment="1">
      <alignment horizontal="center" vertical="center" wrapText="1"/>
    </xf>
    <xf numFmtId="0" fontId="13" fillId="0" borderId="1" xfId="3" applyFont="1" applyBorder="1" applyAlignment="1">
      <alignment horizontal="left" vertical="center"/>
    </xf>
    <xf numFmtId="0" fontId="13" fillId="0" borderId="1" xfId="3" applyFont="1" applyBorder="1" applyAlignment="1">
      <alignment horizontal="center" vertical="center"/>
    </xf>
    <xf numFmtId="0" fontId="13" fillId="0" borderId="5" xfId="3" applyFont="1" applyFill="1" applyBorder="1" applyAlignment="1">
      <alignment vertical="center" shrinkToFit="1"/>
    </xf>
    <xf numFmtId="0" fontId="13" fillId="0" borderId="4" xfId="3" applyFont="1" applyFill="1" applyBorder="1" applyAlignment="1">
      <alignment vertical="center" shrinkToFit="1"/>
    </xf>
    <xf numFmtId="0" fontId="13" fillId="0" borderId="3" xfId="3" applyFont="1" applyFill="1" applyBorder="1" applyAlignment="1">
      <alignment vertical="center" shrinkToFit="1"/>
    </xf>
  </cellXfs>
  <cellStyles count="4">
    <cellStyle name="標準" xfId="0" builtinId="0"/>
    <cellStyle name="標準 2" xfId="1" xr:uid="{00000000-0005-0000-0000-000001000000}"/>
    <cellStyle name="標準 2 2" xfId="3" xr:uid="{00000000-0005-0000-0000-000002000000}"/>
    <cellStyle name="標準 4 2" xfId="2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4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3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1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10" Type="http://schemas.openxmlformats.org/officeDocument/2006/relationships/externalLink" Target="externalLinks/externalLink6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0" zoomScaleNormal="50" zoomScaleSheetLayoutView="50" workbookViewId="0">
      <selection activeCell="B8" sqref="C9:D9"/>
    </sheetView>
  </sheetViews>
  <sheetFormatPr defaultRowHeight="13.5" x14ac:dyDescent="0.15"/>
  <cols>
    <col min="1" max="1" width="4" style="2" customWidth="1"/>
    <col min="2" max="2" width="54.125" style="1" customWidth="1"/>
    <col min="3" max="3" width="60.5" style="1" customWidth="1"/>
    <col min="4" max="4" width="52.75" style="1" customWidth="1"/>
    <col min="5" max="16384" width="9" style="1"/>
  </cols>
  <sheetData>
    <row r="1" spans="1:4" s="3" customFormat="1" ht="22.5" customHeight="1" x14ac:dyDescent="0.15">
      <c r="B1" s="6" t="s">
        <v>1</v>
      </c>
    </row>
    <row r="2" spans="1:4" s="3" customFormat="1" ht="22.5" customHeight="1" x14ac:dyDescent="0.15">
      <c r="B2" s="6" t="s">
        <v>2</v>
      </c>
    </row>
    <row r="3" spans="1:4" s="3" customFormat="1" ht="22.5" customHeight="1" x14ac:dyDescent="0.15">
      <c r="B3" s="6" t="s">
        <v>4</v>
      </c>
    </row>
    <row r="4" spans="1:4" ht="122.25" customHeight="1" x14ac:dyDescent="0.15">
      <c r="A4" s="40" t="s">
        <v>0</v>
      </c>
      <c r="B4" s="40"/>
      <c r="C4" s="40"/>
      <c r="D4" s="40"/>
    </row>
    <row r="5" spans="1:4" s="5" customFormat="1" ht="36" customHeight="1" x14ac:dyDescent="0.15">
      <c r="A5" s="4"/>
    </row>
    <row r="6" spans="1:4" s="5" customFormat="1" ht="36" customHeight="1" x14ac:dyDescent="0.15">
      <c r="A6" s="4"/>
      <c r="B6" s="5" t="s">
        <v>3</v>
      </c>
    </row>
    <row r="7" spans="1:4" s="5" customFormat="1" ht="36" customHeight="1" x14ac:dyDescent="0.15">
      <c r="A7" s="4"/>
      <c r="B7" s="9"/>
      <c r="C7" s="39"/>
      <c r="D7" s="39"/>
    </row>
    <row r="8" spans="1:4" s="5" customFormat="1" ht="36" customHeight="1" x14ac:dyDescent="0.15">
      <c r="A8" s="4"/>
      <c r="B8" s="9"/>
      <c r="C8" s="39"/>
      <c r="D8" s="39"/>
    </row>
    <row r="9" spans="1:4" s="5" customFormat="1" ht="36" customHeight="1" x14ac:dyDescent="0.15">
      <c r="A9" s="4"/>
      <c r="B9" s="10"/>
      <c r="C9" s="39"/>
      <c r="D9" s="39"/>
    </row>
    <row r="10" spans="1:4" s="5" customFormat="1" ht="36" customHeight="1" x14ac:dyDescent="0.15">
      <c r="A10" s="4"/>
      <c r="B10" s="9"/>
      <c r="C10" s="39"/>
      <c r="D10" s="39"/>
    </row>
    <row r="11" spans="1:4" s="5" customFormat="1" ht="36" customHeight="1" x14ac:dyDescent="0.15">
      <c r="A11" s="4"/>
      <c r="B11" s="9"/>
      <c r="C11" s="41"/>
      <c r="D11" s="41"/>
    </row>
    <row r="12" spans="1:4" s="5" customFormat="1" ht="36" customHeight="1" x14ac:dyDescent="0.15">
      <c r="A12" s="4"/>
      <c r="B12" s="9"/>
      <c r="C12" s="39"/>
      <c r="D12" s="39"/>
    </row>
    <row r="13" spans="1:4" s="5" customFormat="1" ht="36" customHeight="1" x14ac:dyDescent="0.15">
      <c r="A13" s="4"/>
      <c r="B13" s="11"/>
      <c r="C13" s="11"/>
      <c r="D13" s="12"/>
    </row>
    <row r="14" spans="1:4" s="5" customFormat="1" ht="36" customHeight="1" x14ac:dyDescent="0.15">
      <c r="A14" s="4"/>
      <c r="B14" s="12"/>
      <c r="C14" s="12"/>
      <c r="D14" s="12"/>
    </row>
    <row r="15" spans="1:4" s="5" customFormat="1" ht="36" customHeight="1" x14ac:dyDescent="0.15">
      <c r="A15" s="4"/>
      <c r="B15" s="12"/>
      <c r="C15" s="12"/>
      <c r="D15" s="12"/>
    </row>
    <row r="16" spans="1:4" s="5" customFormat="1" ht="36" customHeight="1" x14ac:dyDescent="0.15">
      <c r="A16" s="4"/>
      <c r="B16" s="12"/>
      <c r="C16" s="12"/>
      <c r="D16" s="12"/>
    </row>
    <row r="17" spans="1:4" s="5" customFormat="1" ht="36" customHeight="1" x14ac:dyDescent="0.15">
      <c r="A17" s="4"/>
      <c r="B17" s="12"/>
      <c r="C17" s="12"/>
      <c r="D17" s="12"/>
    </row>
    <row r="18" spans="1:4" s="5" customFormat="1" ht="36" customHeight="1" x14ac:dyDescent="0.15">
      <c r="A18" s="4"/>
      <c r="B18" s="12"/>
      <c r="C18" s="12"/>
      <c r="D18" s="12"/>
    </row>
    <row r="19" spans="1:4" s="5" customFormat="1" ht="36" customHeight="1" x14ac:dyDescent="0.15">
      <c r="A19" s="4"/>
      <c r="B19" s="12"/>
      <c r="C19" s="12"/>
      <c r="D19" s="12"/>
    </row>
    <row r="20" spans="1:4" s="5" customFormat="1" ht="36" customHeight="1" x14ac:dyDescent="0.15">
      <c r="A20" s="4"/>
    </row>
    <row r="21" spans="1:4" s="5" customFormat="1" ht="36" customHeight="1" x14ac:dyDescent="0.15">
      <c r="A21" s="4"/>
    </row>
    <row r="22" spans="1:4" s="5" customFormat="1" ht="36" customHeight="1" x14ac:dyDescent="0.15">
      <c r="A22" s="4"/>
    </row>
    <row r="23" spans="1:4" s="5" customFormat="1" ht="36" customHeight="1" x14ac:dyDescent="0.15">
      <c r="A23" s="4"/>
    </row>
    <row r="24" spans="1:4" s="5" customFormat="1" ht="36" customHeight="1" x14ac:dyDescent="0.15">
      <c r="A24" s="4"/>
    </row>
    <row r="25" spans="1:4" s="5" customFormat="1" ht="36" customHeight="1" x14ac:dyDescent="0.15">
      <c r="A25" s="4"/>
    </row>
    <row r="26" spans="1:4" s="5" customFormat="1" ht="36" customHeight="1" x14ac:dyDescent="0.15">
      <c r="A26" s="4"/>
    </row>
    <row r="27" spans="1:4" s="5" customFormat="1" ht="36" customHeight="1" x14ac:dyDescent="0.15">
      <c r="A27" s="4"/>
    </row>
    <row r="28" spans="1:4" s="5" customFormat="1" ht="36" customHeight="1" x14ac:dyDescent="0.15">
      <c r="A28" s="4"/>
    </row>
    <row r="29" spans="1:4" s="5" customFormat="1" ht="36" customHeight="1" x14ac:dyDescent="0.15">
      <c r="A29" s="4"/>
    </row>
    <row r="30" spans="1:4" s="5" customFormat="1" ht="36" customHeight="1" x14ac:dyDescent="0.15">
      <c r="A30" s="4"/>
    </row>
    <row r="31" spans="1:4" s="5" customFormat="1" ht="36" customHeight="1" x14ac:dyDescent="0.15">
      <c r="A31" s="4"/>
    </row>
    <row r="32" spans="1:4" s="5" customFormat="1" ht="36" customHeight="1" x14ac:dyDescent="0.15">
      <c r="A32" s="4"/>
    </row>
    <row r="33" spans="1:1" s="5" customFormat="1" ht="36" customHeight="1" x14ac:dyDescent="0.15">
      <c r="A33" s="4"/>
    </row>
    <row r="34" spans="1:1" s="5" customFormat="1" ht="36" customHeight="1" x14ac:dyDescent="0.15">
      <c r="A34" s="4"/>
    </row>
    <row r="35" spans="1:1" s="5" customFormat="1" ht="36" customHeight="1" x14ac:dyDescent="0.15">
      <c r="A35" s="4"/>
    </row>
    <row r="36" spans="1:1" s="5" customFormat="1" ht="36" customHeight="1" x14ac:dyDescent="0.15">
      <c r="A36" s="4"/>
    </row>
    <row r="37" spans="1:1" s="5" customFormat="1" ht="36" customHeight="1" x14ac:dyDescent="0.15">
      <c r="A37" s="4"/>
    </row>
    <row r="38" spans="1:1" s="5" customFormat="1" ht="36" customHeight="1" x14ac:dyDescent="0.15">
      <c r="A38" s="4"/>
    </row>
    <row r="39" spans="1:1" s="5" customFormat="1" ht="36" customHeight="1" x14ac:dyDescent="0.15">
      <c r="A39" s="4"/>
    </row>
    <row r="40" spans="1:1" s="5" customFormat="1" ht="36" customHeight="1" x14ac:dyDescent="0.15">
      <c r="A40" s="4"/>
    </row>
    <row r="41" spans="1:1" s="8" customFormat="1" ht="36" customHeight="1" x14ac:dyDescent="0.15">
      <c r="A41" s="7"/>
    </row>
    <row r="42" spans="1:1" s="8" customFormat="1" ht="36" customHeight="1" x14ac:dyDescent="0.15">
      <c r="A42" s="7"/>
    </row>
    <row r="43" spans="1:1" s="8" customFormat="1" ht="36" customHeight="1" x14ac:dyDescent="0.15">
      <c r="A43" s="7"/>
    </row>
    <row r="44" spans="1:1" s="8" customFormat="1" ht="36" customHeight="1" x14ac:dyDescent="0.15">
      <c r="A44" s="7"/>
    </row>
    <row r="45" spans="1:1" s="8" customFormat="1" ht="36" customHeight="1" x14ac:dyDescent="0.15">
      <c r="A45" s="7"/>
    </row>
    <row r="46" spans="1:1" s="8" customFormat="1" ht="36" customHeight="1" x14ac:dyDescent="0.15">
      <c r="A46" s="7"/>
    </row>
    <row r="47" spans="1:1" s="8" customFormat="1" ht="36" customHeight="1" x14ac:dyDescent="0.15">
      <c r="A47" s="7"/>
    </row>
    <row r="48" spans="1:1" s="8" customFormat="1" ht="36" customHeight="1" x14ac:dyDescent="0.15">
      <c r="A48" s="7"/>
    </row>
    <row r="49" spans="1:1" s="8" customFormat="1" ht="36" customHeight="1" x14ac:dyDescent="0.15">
      <c r="A49" s="7"/>
    </row>
    <row r="50" spans="1:1" s="8" customFormat="1" ht="36" customHeight="1" x14ac:dyDescent="0.15">
      <c r="A50" s="7"/>
    </row>
    <row r="51" spans="1:1" s="8" customFormat="1" ht="36" customHeight="1" x14ac:dyDescent="0.15">
      <c r="A51" s="7"/>
    </row>
    <row r="52" spans="1:1" s="8" customFormat="1" ht="36" customHeight="1" x14ac:dyDescent="0.15">
      <c r="A52" s="7"/>
    </row>
    <row r="53" spans="1:1" s="8" customFormat="1" ht="36" customHeight="1" x14ac:dyDescent="0.15">
      <c r="A53" s="7"/>
    </row>
    <row r="54" spans="1:1" s="8" customFormat="1" ht="36" customHeight="1" x14ac:dyDescent="0.15">
      <c r="A54" s="7"/>
    </row>
    <row r="55" spans="1:1" s="8" customFormat="1" ht="36" customHeight="1" x14ac:dyDescent="0.15">
      <c r="A55" s="7"/>
    </row>
    <row r="56" spans="1:1" s="8" customFormat="1" ht="36" customHeight="1" x14ac:dyDescent="0.15">
      <c r="A56" s="7"/>
    </row>
    <row r="57" spans="1:1" s="8" customFormat="1" ht="24" x14ac:dyDescent="0.15">
      <c r="A57" s="7"/>
    </row>
    <row r="58" spans="1:1" s="8" customFormat="1" ht="24" x14ac:dyDescent="0.15">
      <c r="A58" s="7"/>
    </row>
    <row r="59" spans="1:1" s="8" customFormat="1" ht="24" x14ac:dyDescent="0.15">
      <c r="A59" s="7"/>
    </row>
    <row r="60" spans="1:1" s="8" customFormat="1" ht="24" x14ac:dyDescent="0.15">
      <c r="A60" s="7"/>
    </row>
    <row r="61" spans="1:1" s="8" customFormat="1" ht="24" x14ac:dyDescent="0.15">
      <c r="A61" s="7"/>
    </row>
    <row r="62" spans="1:1" s="8" customFormat="1" ht="24" x14ac:dyDescent="0.15">
      <c r="A62" s="7"/>
    </row>
    <row r="63" spans="1:1" s="8" customFormat="1" ht="24" x14ac:dyDescent="0.15">
      <c r="A63" s="7"/>
    </row>
    <row r="64" spans="1:1" s="8" customFormat="1" ht="24" x14ac:dyDescent="0.15">
      <c r="A64" s="7"/>
    </row>
    <row r="65" spans="1:1" s="8" customFormat="1" ht="24" x14ac:dyDescent="0.15">
      <c r="A65" s="7"/>
    </row>
    <row r="66" spans="1:1" s="8" customFormat="1" ht="24" x14ac:dyDescent="0.15">
      <c r="A66" s="7"/>
    </row>
    <row r="67" spans="1:1" s="8" customFormat="1" ht="24" x14ac:dyDescent="0.15">
      <c r="A67" s="7"/>
    </row>
    <row r="68" spans="1:1" s="8" customFormat="1" ht="24" x14ac:dyDescent="0.15">
      <c r="A68" s="7"/>
    </row>
    <row r="69" spans="1:1" s="8" customFormat="1" ht="24" x14ac:dyDescent="0.15">
      <c r="A69" s="7"/>
    </row>
    <row r="70" spans="1:1" s="8" customFormat="1" ht="24" x14ac:dyDescent="0.15">
      <c r="A70" s="7"/>
    </row>
    <row r="71" spans="1:1" s="8" customFormat="1" ht="24" x14ac:dyDescent="0.15">
      <c r="A71" s="7"/>
    </row>
    <row r="72" spans="1:1" s="8" customFormat="1" ht="24" x14ac:dyDescent="0.15">
      <c r="A72" s="7"/>
    </row>
    <row r="73" spans="1:1" s="8" customFormat="1" ht="24" x14ac:dyDescent="0.15">
      <c r="A73" s="7"/>
    </row>
    <row r="74" spans="1:1" s="8" customFormat="1" ht="24" x14ac:dyDescent="0.15">
      <c r="A74" s="7"/>
    </row>
    <row r="75" spans="1:1" s="8" customFormat="1" ht="24" x14ac:dyDescent="0.15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B1:O37"/>
  <sheetViews>
    <sheetView showGridLines="0" tabSelected="1" view="pageBreakPreview" zoomScale="60" zoomScaleNormal="55" workbookViewId="0">
      <selection activeCell="B8" sqref="B8:H9"/>
    </sheetView>
  </sheetViews>
  <sheetFormatPr defaultColWidth="8.875" defaultRowHeight="18.75" x14ac:dyDescent="0.15"/>
  <cols>
    <col min="1" max="1" width="2.625" style="21" customWidth="1"/>
    <col min="2" max="6" width="2.125" style="21" customWidth="1"/>
    <col min="7" max="7" width="2.625" style="21" customWidth="1"/>
    <col min="8" max="8" width="23.125" style="21" customWidth="1"/>
    <col min="9" max="12" width="28.125" style="21" customWidth="1"/>
    <col min="13" max="13" width="35.5" style="21" customWidth="1"/>
    <col min="14" max="14" width="26.25" style="21" customWidth="1"/>
    <col min="15" max="15" width="28.125" style="21" customWidth="1"/>
    <col min="16" max="16" width="2.625" style="21" customWidth="1"/>
    <col min="17" max="256" width="8.875" style="21"/>
    <col min="257" max="257" width="2.625" style="21" customWidth="1"/>
    <col min="258" max="262" width="2.125" style="21" customWidth="1"/>
    <col min="263" max="263" width="2.625" style="21" customWidth="1"/>
    <col min="264" max="264" width="23.125" style="21" customWidth="1"/>
    <col min="265" max="268" width="28.125" style="21" customWidth="1"/>
    <col min="269" max="269" width="35.5" style="21" customWidth="1"/>
    <col min="270" max="270" width="26.25" style="21" customWidth="1"/>
    <col min="271" max="271" width="28.125" style="21" customWidth="1"/>
    <col min="272" max="272" width="2.625" style="21" customWidth="1"/>
    <col min="273" max="512" width="8.875" style="21"/>
    <col min="513" max="513" width="2.625" style="21" customWidth="1"/>
    <col min="514" max="518" width="2.125" style="21" customWidth="1"/>
    <col min="519" max="519" width="2.625" style="21" customWidth="1"/>
    <col min="520" max="520" width="23.125" style="21" customWidth="1"/>
    <col min="521" max="524" width="28.125" style="21" customWidth="1"/>
    <col min="525" max="525" width="35.5" style="21" customWidth="1"/>
    <col min="526" max="526" width="26.25" style="21" customWidth="1"/>
    <col min="527" max="527" width="28.125" style="21" customWidth="1"/>
    <col min="528" max="528" width="2.625" style="21" customWidth="1"/>
    <col min="529" max="768" width="8.875" style="21"/>
    <col min="769" max="769" width="2.625" style="21" customWidth="1"/>
    <col min="770" max="774" width="2.125" style="21" customWidth="1"/>
    <col min="775" max="775" width="2.625" style="21" customWidth="1"/>
    <col min="776" max="776" width="23.125" style="21" customWidth="1"/>
    <col min="777" max="780" width="28.125" style="21" customWidth="1"/>
    <col min="781" max="781" width="35.5" style="21" customWidth="1"/>
    <col min="782" max="782" width="26.25" style="21" customWidth="1"/>
    <col min="783" max="783" width="28.125" style="21" customWidth="1"/>
    <col min="784" max="784" width="2.625" style="21" customWidth="1"/>
    <col min="785" max="1024" width="8.875" style="21"/>
    <col min="1025" max="1025" width="2.625" style="21" customWidth="1"/>
    <col min="1026" max="1030" width="2.125" style="21" customWidth="1"/>
    <col min="1031" max="1031" width="2.625" style="21" customWidth="1"/>
    <col min="1032" max="1032" width="23.125" style="21" customWidth="1"/>
    <col min="1033" max="1036" width="28.125" style="21" customWidth="1"/>
    <col min="1037" max="1037" width="35.5" style="21" customWidth="1"/>
    <col min="1038" max="1038" width="26.25" style="21" customWidth="1"/>
    <col min="1039" max="1039" width="28.125" style="21" customWidth="1"/>
    <col min="1040" max="1040" width="2.625" style="21" customWidth="1"/>
    <col min="1041" max="1280" width="8.875" style="21"/>
    <col min="1281" max="1281" width="2.625" style="21" customWidth="1"/>
    <col min="1282" max="1286" width="2.125" style="21" customWidth="1"/>
    <col min="1287" max="1287" width="2.625" style="21" customWidth="1"/>
    <col min="1288" max="1288" width="23.125" style="21" customWidth="1"/>
    <col min="1289" max="1292" width="28.125" style="21" customWidth="1"/>
    <col min="1293" max="1293" width="35.5" style="21" customWidth="1"/>
    <col min="1294" max="1294" width="26.25" style="21" customWidth="1"/>
    <col min="1295" max="1295" width="28.125" style="21" customWidth="1"/>
    <col min="1296" max="1296" width="2.625" style="21" customWidth="1"/>
    <col min="1297" max="1536" width="8.875" style="21"/>
    <col min="1537" max="1537" width="2.625" style="21" customWidth="1"/>
    <col min="1538" max="1542" width="2.125" style="21" customWidth="1"/>
    <col min="1543" max="1543" width="2.625" style="21" customWidth="1"/>
    <col min="1544" max="1544" width="23.125" style="21" customWidth="1"/>
    <col min="1545" max="1548" width="28.125" style="21" customWidth="1"/>
    <col min="1549" max="1549" width="35.5" style="21" customWidth="1"/>
    <col min="1550" max="1550" width="26.25" style="21" customWidth="1"/>
    <col min="1551" max="1551" width="28.125" style="21" customWidth="1"/>
    <col min="1552" max="1552" width="2.625" style="21" customWidth="1"/>
    <col min="1553" max="1792" width="8.875" style="21"/>
    <col min="1793" max="1793" width="2.625" style="21" customWidth="1"/>
    <col min="1794" max="1798" width="2.125" style="21" customWidth="1"/>
    <col min="1799" max="1799" width="2.625" style="21" customWidth="1"/>
    <col min="1800" max="1800" width="23.125" style="21" customWidth="1"/>
    <col min="1801" max="1804" width="28.125" style="21" customWidth="1"/>
    <col min="1805" max="1805" width="35.5" style="21" customWidth="1"/>
    <col min="1806" max="1806" width="26.25" style="21" customWidth="1"/>
    <col min="1807" max="1807" width="28.125" style="21" customWidth="1"/>
    <col min="1808" max="1808" width="2.625" style="21" customWidth="1"/>
    <col min="1809" max="2048" width="8.875" style="21"/>
    <col min="2049" max="2049" width="2.625" style="21" customWidth="1"/>
    <col min="2050" max="2054" width="2.125" style="21" customWidth="1"/>
    <col min="2055" max="2055" width="2.625" style="21" customWidth="1"/>
    <col min="2056" max="2056" width="23.125" style="21" customWidth="1"/>
    <col min="2057" max="2060" width="28.125" style="21" customWidth="1"/>
    <col min="2061" max="2061" width="35.5" style="21" customWidth="1"/>
    <col min="2062" max="2062" width="26.25" style="21" customWidth="1"/>
    <col min="2063" max="2063" width="28.125" style="21" customWidth="1"/>
    <col min="2064" max="2064" width="2.625" style="21" customWidth="1"/>
    <col min="2065" max="2304" width="8.875" style="21"/>
    <col min="2305" max="2305" width="2.625" style="21" customWidth="1"/>
    <col min="2306" max="2310" width="2.125" style="21" customWidth="1"/>
    <col min="2311" max="2311" width="2.625" style="21" customWidth="1"/>
    <col min="2312" max="2312" width="23.125" style="21" customWidth="1"/>
    <col min="2313" max="2316" width="28.125" style="21" customWidth="1"/>
    <col min="2317" max="2317" width="35.5" style="21" customWidth="1"/>
    <col min="2318" max="2318" width="26.25" style="21" customWidth="1"/>
    <col min="2319" max="2319" width="28.125" style="21" customWidth="1"/>
    <col min="2320" max="2320" width="2.625" style="21" customWidth="1"/>
    <col min="2321" max="2560" width="8.875" style="21"/>
    <col min="2561" max="2561" width="2.625" style="21" customWidth="1"/>
    <col min="2562" max="2566" width="2.125" style="21" customWidth="1"/>
    <col min="2567" max="2567" width="2.625" style="21" customWidth="1"/>
    <col min="2568" max="2568" width="23.125" style="21" customWidth="1"/>
    <col min="2569" max="2572" width="28.125" style="21" customWidth="1"/>
    <col min="2573" max="2573" width="35.5" style="21" customWidth="1"/>
    <col min="2574" max="2574" width="26.25" style="21" customWidth="1"/>
    <col min="2575" max="2575" width="28.125" style="21" customWidth="1"/>
    <col min="2576" max="2576" width="2.625" style="21" customWidth="1"/>
    <col min="2577" max="2816" width="8.875" style="21"/>
    <col min="2817" max="2817" width="2.625" style="21" customWidth="1"/>
    <col min="2818" max="2822" width="2.125" style="21" customWidth="1"/>
    <col min="2823" max="2823" width="2.625" style="21" customWidth="1"/>
    <col min="2824" max="2824" width="23.125" style="21" customWidth="1"/>
    <col min="2825" max="2828" width="28.125" style="21" customWidth="1"/>
    <col min="2829" max="2829" width="35.5" style="21" customWidth="1"/>
    <col min="2830" max="2830" width="26.25" style="21" customWidth="1"/>
    <col min="2831" max="2831" width="28.125" style="21" customWidth="1"/>
    <col min="2832" max="2832" width="2.625" style="21" customWidth="1"/>
    <col min="2833" max="3072" width="8.875" style="21"/>
    <col min="3073" max="3073" width="2.625" style="21" customWidth="1"/>
    <col min="3074" max="3078" width="2.125" style="21" customWidth="1"/>
    <col min="3079" max="3079" width="2.625" style="21" customWidth="1"/>
    <col min="3080" max="3080" width="23.125" style="21" customWidth="1"/>
    <col min="3081" max="3084" width="28.125" style="21" customWidth="1"/>
    <col min="3085" max="3085" width="35.5" style="21" customWidth="1"/>
    <col min="3086" max="3086" width="26.25" style="21" customWidth="1"/>
    <col min="3087" max="3087" width="28.125" style="21" customWidth="1"/>
    <col min="3088" max="3088" width="2.625" style="21" customWidth="1"/>
    <col min="3089" max="3328" width="8.875" style="21"/>
    <col min="3329" max="3329" width="2.625" style="21" customWidth="1"/>
    <col min="3330" max="3334" width="2.125" style="21" customWidth="1"/>
    <col min="3335" max="3335" width="2.625" style="21" customWidth="1"/>
    <col min="3336" max="3336" width="23.125" style="21" customWidth="1"/>
    <col min="3337" max="3340" width="28.125" style="21" customWidth="1"/>
    <col min="3341" max="3341" width="35.5" style="21" customWidth="1"/>
    <col min="3342" max="3342" width="26.25" style="21" customWidth="1"/>
    <col min="3343" max="3343" width="28.125" style="21" customWidth="1"/>
    <col min="3344" max="3344" width="2.625" style="21" customWidth="1"/>
    <col min="3345" max="3584" width="8.875" style="21"/>
    <col min="3585" max="3585" width="2.625" style="21" customWidth="1"/>
    <col min="3586" max="3590" width="2.125" style="21" customWidth="1"/>
    <col min="3591" max="3591" width="2.625" style="21" customWidth="1"/>
    <col min="3592" max="3592" width="23.125" style="21" customWidth="1"/>
    <col min="3593" max="3596" width="28.125" style="21" customWidth="1"/>
    <col min="3597" max="3597" width="35.5" style="21" customWidth="1"/>
    <col min="3598" max="3598" width="26.25" style="21" customWidth="1"/>
    <col min="3599" max="3599" width="28.125" style="21" customWidth="1"/>
    <col min="3600" max="3600" width="2.625" style="21" customWidth="1"/>
    <col min="3601" max="3840" width="8.875" style="21"/>
    <col min="3841" max="3841" width="2.625" style="21" customWidth="1"/>
    <col min="3842" max="3846" width="2.125" style="21" customWidth="1"/>
    <col min="3847" max="3847" width="2.625" style="21" customWidth="1"/>
    <col min="3848" max="3848" width="23.125" style="21" customWidth="1"/>
    <col min="3849" max="3852" width="28.125" style="21" customWidth="1"/>
    <col min="3853" max="3853" width="35.5" style="21" customWidth="1"/>
    <col min="3854" max="3854" width="26.25" style="21" customWidth="1"/>
    <col min="3855" max="3855" width="28.125" style="21" customWidth="1"/>
    <col min="3856" max="3856" width="2.625" style="21" customWidth="1"/>
    <col min="3857" max="4096" width="8.875" style="21"/>
    <col min="4097" max="4097" width="2.625" style="21" customWidth="1"/>
    <col min="4098" max="4102" width="2.125" style="21" customWidth="1"/>
    <col min="4103" max="4103" width="2.625" style="21" customWidth="1"/>
    <col min="4104" max="4104" width="23.125" style="21" customWidth="1"/>
    <col min="4105" max="4108" width="28.125" style="21" customWidth="1"/>
    <col min="4109" max="4109" width="35.5" style="21" customWidth="1"/>
    <col min="4110" max="4110" width="26.25" style="21" customWidth="1"/>
    <col min="4111" max="4111" width="28.125" style="21" customWidth="1"/>
    <col min="4112" max="4112" width="2.625" style="21" customWidth="1"/>
    <col min="4113" max="4352" width="8.875" style="21"/>
    <col min="4353" max="4353" width="2.625" style="21" customWidth="1"/>
    <col min="4354" max="4358" width="2.125" style="21" customWidth="1"/>
    <col min="4359" max="4359" width="2.625" style="21" customWidth="1"/>
    <col min="4360" max="4360" width="23.125" style="21" customWidth="1"/>
    <col min="4361" max="4364" width="28.125" style="21" customWidth="1"/>
    <col min="4365" max="4365" width="35.5" style="21" customWidth="1"/>
    <col min="4366" max="4366" width="26.25" style="21" customWidth="1"/>
    <col min="4367" max="4367" width="28.125" style="21" customWidth="1"/>
    <col min="4368" max="4368" width="2.625" style="21" customWidth="1"/>
    <col min="4369" max="4608" width="8.875" style="21"/>
    <col min="4609" max="4609" width="2.625" style="21" customWidth="1"/>
    <col min="4610" max="4614" width="2.125" style="21" customWidth="1"/>
    <col min="4615" max="4615" width="2.625" style="21" customWidth="1"/>
    <col min="4616" max="4616" width="23.125" style="21" customWidth="1"/>
    <col min="4617" max="4620" width="28.125" style="21" customWidth="1"/>
    <col min="4621" max="4621" width="35.5" style="21" customWidth="1"/>
    <col min="4622" max="4622" width="26.25" style="21" customWidth="1"/>
    <col min="4623" max="4623" width="28.125" style="21" customWidth="1"/>
    <col min="4624" max="4624" width="2.625" style="21" customWidth="1"/>
    <col min="4625" max="4864" width="8.875" style="21"/>
    <col min="4865" max="4865" width="2.625" style="21" customWidth="1"/>
    <col min="4866" max="4870" width="2.125" style="21" customWidth="1"/>
    <col min="4871" max="4871" width="2.625" style="21" customWidth="1"/>
    <col min="4872" max="4872" width="23.125" style="21" customWidth="1"/>
    <col min="4873" max="4876" width="28.125" style="21" customWidth="1"/>
    <col min="4877" max="4877" width="35.5" style="21" customWidth="1"/>
    <col min="4878" max="4878" width="26.25" style="21" customWidth="1"/>
    <col min="4879" max="4879" width="28.125" style="21" customWidth="1"/>
    <col min="4880" max="4880" width="2.625" style="21" customWidth="1"/>
    <col min="4881" max="5120" width="8.875" style="21"/>
    <col min="5121" max="5121" width="2.625" style="21" customWidth="1"/>
    <col min="5122" max="5126" width="2.125" style="21" customWidth="1"/>
    <col min="5127" max="5127" width="2.625" style="21" customWidth="1"/>
    <col min="5128" max="5128" width="23.125" style="21" customWidth="1"/>
    <col min="5129" max="5132" width="28.125" style="21" customWidth="1"/>
    <col min="5133" max="5133" width="35.5" style="21" customWidth="1"/>
    <col min="5134" max="5134" width="26.25" style="21" customWidth="1"/>
    <col min="5135" max="5135" width="28.125" style="21" customWidth="1"/>
    <col min="5136" max="5136" width="2.625" style="21" customWidth="1"/>
    <col min="5137" max="5376" width="8.875" style="21"/>
    <col min="5377" max="5377" width="2.625" style="21" customWidth="1"/>
    <col min="5378" max="5382" width="2.125" style="21" customWidth="1"/>
    <col min="5383" max="5383" width="2.625" style="21" customWidth="1"/>
    <col min="5384" max="5384" width="23.125" style="21" customWidth="1"/>
    <col min="5385" max="5388" width="28.125" style="21" customWidth="1"/>
    <col min="5389" max="5389" width="35.5" style="21" customWidth="1"/>
    <col min="5390" max="5390" width="26.25" style="21" customWidth="1"/>
    <col min="5391" max="5391" width="28.125" style="21" customWidth="1"/>
    <col min="5392" max="5392" width="2.625" style="21" customWidth="1"/>
    <col min="5393" max="5632" width="8.875" style="21"/>
    <col min="5633" max="5633" width="2.625" style="21" customWidth="1"/>
    <col min="5634" max="5638" width="2.125" style="21" customWidth="1"/>
    <col min="5639" max="5639" width="2.625" style="21" customWidth="1"/>
    <col min="5640" max="5640" width="23.125" style="21" customWidth="1"/>
    <col min="5641" max="5644" width="28.125" style="21" customWidth="1"/>
    <col min="5645" max="5645" width="35.5" style="21" customWidth="1"/>
    <col min="5646" max="5646" width="26.25" style="21" customWidth="1"/>
    <col min="5647" max="5647" width="28.125" style="21" customWidth="1"/>
    <col min="5648" max="5648" width="2.625" style="21" customWidth="1"/>
    <col min="5649" max="5888" width="8.875" style="21"/>
    <col min="5889" max="5889" width="2.625" style="21" customWidth="1"/>
    <col min="5890" max="5894" width="2.125" style="21" customWidth="1"/>
    <col min="5895" max="5895" width="2.625" style="21" customWidth="1"/>
    <col min="5896" max="5896" width="23.125" style="21" customWidth="1"/>
    <col min="5897" max="5900" width="28.125" style="21" customWidth="1"/>
    <col min="5901" max="5901" width="35.5" style="21" customWidth="1"/>
    <col min="5902" max="5902" width="26.25" style="21" customWidth="1"/>
    <col min="5903" max="5903" width="28.125" style="21" customWidth="1"/>
    <col min="5904" max="5904" width="2.625" style="21" customWidth="1"/>
    <col min="5905" max="6144" width="8.875" style="21"/>
    <col min="6145" max="6145" width="2.625" style="21" customWidth="1"/>
    <col min="6146" max="6150" width="2.125" style="21" customWidth="1"/>
    <col min="6151" max="6151" width="2.625" style="21" customWidth="1"/>
    <col min="6152" max="6152" width="23.125" style="21" customWidth="1"/>
    <col min="6153" max="6156" width="28.125" style="21" customWidth="1"/>
    <col min="6157" max="6157" width="35.5" style="21" customWidth="1"/>
    <col min="6158" max="6158" width="26.25" style="21" customWidth="1"/>
    <col min="6159" max="6159" width="28.125" style="21" customWidth="1"/>
    <col min="6160" max="6160" width="2.625" style="21" customWidth="1"/>
    <col min="6161" max="6400" width="8.875" style="21"/>
    <col min="6401" max="6401" width="2.625" style="21" customWidth="1"/>
    <col min="6402" max="6406" width="2.125" style="21" customWidth="1"/>
    <col min="6407" max="6407" width="2.625" style="21" customWidth="1"/>
    <col min="6408" max="6408" width="23.125" style="21" customWidth="1"/>
    <col min="6409" max="6412" width="28.125" style="21" customWidth="1"/>
    <col min="6413" max="6413" width="35.5" style="21" customWidth="1"/>
    <col min="6414" max="6414" width="26.25" style="21" customWidth="1"/>
    <col min="6415" max="6415" width="28.125" style="21" customWidth="1"/>
    <col min="6416" max="6416" width="2.625" style="21" customWidth="1"/>
    <col min="6417" max="6656" width="8.875" style="21"/>
    <col min="6657" max="6657" width="2.625" style="21" customWidth="1"/>
    <col min="6658" max="6662" width="2.125" style="21" customWidth="1"/>
    <col min="6663" max="6663" width="2.625" style="21" customWidth="1"/>
    <col min="6664" max="6664" width="23.125" style="21" customWidth="1"/>
    <col min="6665" max="6668" width="28.125" style="21" customWidth="1"/>
    <col min="6669" max="6669" width="35.5" style="21" customWidth="1"/>
    <col min="6670" max="6670" width="26.25" style="21" customWidth="1"/>
    <col min="6671" max="6671" width="28.125" style="21" customWidth="1"/>
    <col min="6672" max="6672" width="2.625" style="21" customWidth="1"/>
    <col min="6673" max="6912" width="8.875" style="21"/>
    <col min="6913" max="6913" width="2.625" style="21" customWidth="1"/>
    <col min="6914" max="6918" width="2.125" style="21" customWidth="1"/>
    <col min="6919" max="6919" width="2.625" style="21" customWidth="1"/>
    <col min="6920" max="6920" width="23.125" style="21" customWidth="1"/>
    <col min="6921" max="6924" width="28.125" style="21" customWidth="1"/>
    <col min="6925" max="6925" width="35.5" style="21" customWidth="1"/>
    <col min="6926" max="6926" width="26.25" style="21" customWidth="1"/>
    <col min="6927" max="6927" width="28.125" style="21" customWidth="1"/>
    <col min="6928" max="6928" width="2.625" style="21" customWidth="1"/>
    <col min="6929" max="7168" width="8.875" style="21"/>
    <col min="7169" max="7169" width="2.625" style="21" customWidth="1"/>
    <col min="7170" max="7174" width="2.125" style="21" customWidth="1"/>
    <col min="7175" max="7175" width="2.625" style="21" customWidth="1"/>
    <col min="7176" max="7176" width="23.125" style="21" customWidth="1"/>
    <col min="7177" max="7180" width="28.125" style="21" customWidth="1"/>
    <col min="7181" max="7181" width="35.5" style="21" customWidth="1"/>
    <col min="7182" max="7182" width="26.25" style="21" customWidth="1"/>
    <col min="7183" max="7183" width="28.125" style="21" customWidth="1"/>
    <col min="7184" max="7184" width="2.625" style="21" customWidth="1"/>
    <col min="7185" max="7424" width="8.875" style="21"/>
    <col min="7425" max="7425" width="2.625" style="21" customWidth="1"/>
    <col min="7426" max="7430" width="2.125" style="21" customWidth="1"/>
    <col min="7431" max="7431" width="2.625" style="21" customWidth="1"/>
    <col min="7432" max="7432" width="23.125" style="21" customWidth="1"/>
    <col min="7433" max="7436" width="28.125" style="21" customWidth="1"/>
    <col min="7437" max="7437" width="35.5" style="21" customWidth="1"/>
    <col min="7438" max="7438" width="26.25" style="21" customWidth="1"/>
    <col min="7439" max="7439" width="28.125" style="21" customWidth="1"/>
    <col min="7440" max="7440" width="2.625" style="21" customWidth="1"/>
    <col min="7441" max="7680" width="8.875" style="21"/>
    <col min="7681" max="7681" width="2.625" style="21" customWidth="1"/>
    <col min="7682" max="7686" width="2.125" style="21" customWidth="1"/>
    <col min="7687" max="7687" width="2.625" style="21" customWidth="1"/>
    <col min="7688" max="7688" width="23.125" style="21" customWidth="1"/>
    <col min="7689" max="7692" width="28.125" style="21" customWidth="1"/>
    <col min="7693" max="7693" width="35.5" style="21" customWidth="1"/>
    <col min="7694" max="7694" width="26.25" style="21" customWidth="1"/>
    <col min="7695" max="7695" width="28.125" style="21" customWidth="1"/>
    <col min="7696" max="7696" width="2.625" style="21" customWidth="1"/>
    <col min="7697" max="7936" width="8.875" style="21"/>
    <col min="7937" max="7937" width="2.625" style="21" customWidth="1"/>
    <col min="7938" max="7942" width="2.125" style="21" customWidth="1"/>
    <col min="7943" max="7943" width="2.625" style="21" customWidth="1"/>
    <col min="7944" max="7944" width="23.125" style="21" customWidth="1"/>
    <col min="7945" max="7948" width="28.125" style="21" customWidth="1"/>
    <col min="7949" max="7949" width="35.5" style="21" customWidth="1"/>
    <col min="7950" max="7950" width="26.25" style="21" customWidth="1"/>
    <col min="7951" max="7951" width="28.125" style="21" customWidth="1"/>
    <col min="7952" max="7952" width="2.625" style="21" customWidth="1"/>
    <col min="7953" max="8192" width="8.875" style="21"/>
    <col min="8193" max="8193" width="2.625" style="21" customWidth="1"/>
    <col min="8194" max="8198" width="2.125" style="21" customWidth="1"/>
    <col min="8199" max="8199" width="2.625" style="21" customWidth="1"/>
    <col min="8200" max="8200" width="23.125" style="21" customWidth="1"/>
    <col min="8201" max="8204" width="28.125" style="21" customWidth="1"/>
    <col min="8205" max="8205" width="35.5" style="21" customWidth="1"/>
    <col min="8206" max="8206" width="26.25" style="21" customWidth="1"/>
    <col min="8207" max="8207" width="28.125" style="21" customWidth="1"/>
    <col min="8208" max="8208" width="2.625" style="21" customWidth="1"/>
    <col min="8209" max="8448" width="8.875" style="21"/>
    <col min="8449" max="8449" width="2.625" style="21" customWidth="1"/>
    <col min="8450" max="8454" width="2.125" style="21" customWidth="1"/>
    <col min="8455" max="8455" width="2.625" style="21" customWidth="1"/>
    <col min="8456" max="8456" width="23.125" style="21" customWidth="1"/>
    <col min="8457" max="8460" width="28.125" style="21" customWidth="1"/>
    <col min="8461" max="8461" width="35.5" style="21" customWidth="1"/>
    <col min="8462" max="8462" width="26.25" style="21" customWidth="1"/>
    <col min="8463" max="8463" width="28.125" style="21" customWidth="1"/>
    <col min="8464" max="8464" width="2.625" style="21" customWidth="1"/>
    <col min="8465" max="8704" width="8.875" style="21"/>
    <col min="8705" max="8705" width="2.625" style="21" customWidth="1"/>
    <col min="8706" max="8710" width="2.125" style="21" customWidth="1"/>
    <col min="8711" max="8711" width="2.625" style="21" customWidth="1"/>
    <col min="8712" max="8712" width="23.125" style="21" customWidth="1"/>
    <col min="8713" max="8716" width="28.125" style="21" customWidth="1"/>
    <col min="8717" max="8717" width="35.5" style="21" customWidth="1"/>
    <col min="8718" max="8718" width="26.25" style="21" customWidth="1"/>
    <col min="8719" max="8719" width="28.125" style="21" customWidth="1"/>
    <col min="8720" max="8720" width="2.625" style="21" customWidth="1"/>
    <col min="8721" max="8960" width="8.875" style="21"/>
    <col min="8961" max="8961" width="2.625" style="21" customWidth="1"/>
    <col min="8962" max="8966" width="2.125" style="21" customWidth="1"/>
    <col min="8967" max="8967" width="2.625" style="21" customWidth="1"/>
    <col min="8968" max="8968" width="23.125" style="21" customWidth="1"/>
    <col min="8969" max="8972" width="28.125" style="21" customWidth="1"/>
    <col min="8973" max="8973" width="35.5" style="21" customWidth="1"/>
    <col min="8974" max="8974" width="26.25" style="21" customWidth="1"/>
    <col min="8975" max="8975" width="28.125" style="21" customWidth="1"/>
    <col min="8976" max="8976" width="2.625" style="21" customWidth="1"/>
    <col min="8977" max="9216" width="8.875" style="21"/>
    <col min="9217" max="9217" width="2.625" style="21" customWidth="1"/>
    <col min="9218" max="9222" width="2.125" style="21" customWidth="1"/>
    <col min="9223" max="9223" width="2.625" style="21" customWidth="1"/>
    <col min="9224" max="9224" width="23.125" style="21" customWidth="1"/>
    <col min="9225" max="9228" width="28.125" style="21" customWidth="1"/>
    <col min="9229" max="9229" width="35.5" style="21" customWidth="1"/>
    <col min="9230" max="9230" width="26.25" style="21" customWidth="1"/>
    <col min="9231" max="9231" width="28.125" style="21" customWidth="1"/>
    <col min="9232" max="9232" width="2.625" style="21" customWidth="1"/>
    <col min="9233" max="9472" width="8.875" style="21"/>
    <col min="9473" max="9473" width="2.625" style="21" customWidth="1"/>
    <col min="9474" max="9478" width="2.125" style="21" customWidth="1"/>
    <col min="9479" max="9479" width="2.625" style="21" customWidth="1"/>
    <col min="9480" max="9480" width="23.125" style="21" customWidth="1"/>
    <col min="9481" max="9484" width="28.125" style="21" customWidth="1"/>
    <col min="9485" max="9485" width="35.5" style="21" customWidth="1"/>
    <col min="9486" max="9486" width="26.25" style="21" customWidth="1"/>
    <col min="9487" max="9487" width="28.125" style="21" customWidth="1"/>
    <col min="9488" max="9488" width="2.625" style="21" customWidth="1"/>
    <col min="9489" max="9728" width="8.875" style="21"/>
    <col min="9729" max="9729" width="2.625" style="21" customWidth="1"/>
    <col min="9730" max="9734" width="2.125" style="21" customWidth="1"/>
    <col min="9735" max="9735" width="2.625" style="21" customWidth="1"/>
    <col min="9736" max="9736" width="23.125" style="21" customWidth="1"/>
    <col min="9737" max="9740" width="28.125" style="21" customWidth="1"/>
    <col min="9741" max="9741" width="35.5" style="21" customWidth="1"/>
    <col min="9742" max="9742" width="26.25" style="21" customWidth="1"/>
    <col min="9743" max="9743" width="28.125" style="21" customWidth="1"/>
    <col min="9744" max="9744" width="2.625" style="21" customWidth="1"/>
    <col min="9745" max="9984" width="8.875" style="21"/>
    <col min="9985" max="9985" width="2.625" style="21" customWidth="1"/>
    <col min="9986" max="9990" width="2.125" style="21" customWidth="1"/>
    <col min="9991" max="9991" width="2.625" style="21" customWidth="1"/>
    <col min="9992" max="9992" width="23.125" style="21" customWidth="1"/>
    <col min="9993" max="9996" width="28.125" style="21" customWidth="1"/>
    <col min="9997" max="9997" width="35.5" style="21" customWidth="1"/>
    <col min="9998" max="9998" width="26.25" style="21" customWidth="1"/>
    <col min="9999" max="9999" width="28.125" style="21" customWidth="1"/>
    <col min="10000" max="10000" width="2.625" style="21" customWidth="1"/>
    <col min="10001" max="10240" width="8.875" style="21"/>
    <col min="10241" max="10241" width="2.625" style="21" customWidth="1"/>
    <col min="10242" max="10246" width="2.125" style="21" customWidth="1"/>
    <col min="10247" max="10247" width="2.625" style="21" customWidth="1"/>
    <col min="10248" max="10248" width="23.125" style="21" customWidth="1"/>
    <col min="10249" max="10252" width="28.125" style="21" customWidth="1"/>
    <col min="10253" max="10253" width="35.5" style="21" customWidth="1"/>
    <col min="10254" max="10254" width="26.25" style="21" customWidth="1"/>
    <col min="10255" max="10255" width="28.125" style="21" customWidth="1"/>
    <col min="10256" max="10256" width="2.625" style="21" customWidth="1"/>
    <col min="10257" max="10496" width="8.875" style="21"/>
    <col min="10497" max="10497" width="2.625" style="21" customWidth="1"/>
    <col min="10498" max="10502" width="2.125" style="21" customWidth="1"/>
    <col min="10503" max="10503" width="2.625" style="21" customWidth="1"/>
    <col min="10504" max="10504" width="23.125" style="21" customWidth="1"/>
    <col min="10505" max="10508" width="28.125" style="21" customWidth="1"/>
    <col min="10509" max="10509" width="35.5" style="21" customWidth="1"/>
    <col min="10510" max="10510" width="26.25" style="21" customWidth="1"/>
    <col min="10511" max="10511" width="28.125" style="21" customWidth="1"/>
    <col min="10512" max="10512" width="2.625" style="21" customWidth="1"/>
    <col min="10513" max="10752" width="8.875" style="21"/>
    <col min="10753" max="10753" width="2.625" style="21" customWidth="1"/>
    <col min="10754" max="10758" width="2.125" style="21" customWidth="1"/>
    <col min="10759" max="10759" width="2.625" style="21" customWidth="1"/>
    <col min="10760" max="10760" width="23.125" style="21" customWidth="1"/>
    <col min="10761" max="10764" width="28.125" style="21" customWidth="1"/>
    <col min="10765" max="10765" width="35.5" style="21" customWidth="1"/>
    <col min="10766" max="10766" width="26.25" style="21" customWidth="1"/>
    <col min="10767" max="10767" width="28.125" style="21" customWidth="1"/>
    <col min="10768" max="10768" width="2.625" style="21" customWidth="1"/>
    <col min="10769" max="11008" width="8.875" style="21"/>
    <col min="11009" max="11009" width="2.625" style="21" customWidth="1"/>
    <col min="11010" max="11014" width="2.125" style="21" customWidth="1"/>
    <col min="11015" max="11015" width="2.625" style="21" customWidth="1"/>
    <col min="11016" max="11016" width="23.125" style="21" customWidth="1"/>
    <col min="11017" max="11020" width="28.125" style="21" customWidth="1"/>
    <col min="11021" max="11021" width="35.5" style="21" customWidth="1"/>
    <col min="11022" max="11022" width="26.25" style="21" customWidth="1"/>
    <col min="11023" max="11023" width="28.125" style="21" customWidth="1"/>
    <col min="11024" max="11024" width="2.625" style="21" customWidth="1"/>
    <col min="11025" max="11264" width="8.875" style="21"/>
    <col min="11265" max="11265" width="2.625" style="21" customWidth="1"/>
    <col min="11266" max="11270" width="2.125" style="21" customWidth="1"/>
    <col min="11271" max="11271" width="2.625" style="21" customWidth="1"/>
    <col min="11272" max="11272" width="23.125" style="21" customWidth="1"/>
    <col min="11273" max="11276" width="28.125" style="21" customWidth="1"/>
    <col min="11277" max="11277" width="35.5" style="21" customWidth="1"/>
    <col min="11278" max="11278" width="26.25" style="21" customWidth="1"/>
    <col min="11279" max="11279" width="28.125" style="21" customWidth="1"/>
    <col min="11280" max="11280" width="2.625" style="21" customWidth="1"/>
    <col min="11281" max="11520" width="8.875" style="21"/>
    <col min="11521" max="11521" width="2.625" style="21" customWidth="1"/>
    <col min="11522" max="11526" width="2.125" style="21" customWidth="1"/>
    <col min="11527" max="11527" width="2.625" style="21" customWidth="1"/>
    <col min="11528" max="11528" width="23.125" style="21" customWidth="1"/>
    <col min="11529" max="11532" width="28.125" style="21" customWidth="1"/>
    <col min="11533" max="11533" width="35.5" style="21" customWidth="1"/>
    <col min="11534" max="11534" width="26.25" style="21" customWidth="1"/>
    <col min="11535" max="11535" width="28.125" style="21" customWidth="1"/>
    <col min="11536" max="11536" width="2.625" style="21" customWidth="1"/>
    <col min="11537" max="11776" width="8.875" style="21"/>
    <col min="11777" max="11777" width="2.625" style="21" customWidth="1"/>
    <col min="11778" max="11782" width="2.125" style="21" customWidth="1"/>
    <col min="11783" max="11783" width="2.625" style="21" customWidth="1"/>
    <col min="11784" max="11784" width="23.125" style="21" customWidth="1"/>
    <col min="11785" max="11788" width="28.125" style="21" customWidth="1"/>
    <col min="11789" max="11789" width="35.5" style="21" customWidth="1"/>
    <col min="11790" max="11790" width="26.25" style="21" customWidth="1"/>
    <col min="11791" max="11791" width="28.125" style="21" customWidth="1"/>
    <col min="11792" max="11792" width="2.625" style="21" customWidth="1"/>
    <col min="11793" max="12032" width="8.875" style="21"/>
    <col min="12033" max="12033" width="2.625" style="21" customWidth="1"/>
    <col min="12034" max="12038" width="2.125" style="21" customWidth="1"/>
    <col min="12039" max="12039" width="2.625" style="21" customWidth="1"/>
    <col min="12040" max="12040" width="23.125" style="21" customWidth="1"/>
    <col min="12041" max="12044" width="28.125" style="21" customWidth="1"/>
    <col min="12045" max="12045" width="35.5" style="21" customWidth="1"/>
    <col min="12046" max="12046" width="26.25" style="21" customWidth="1"/>
    <col min="12047" max="12047" width="28.125" style="21" customWidth="1"/>
    <col min="12048" max="12048" width="2.625" style="21" customWidth="1"/>
    <col min="12049" max="12288" width="8.875" style="21"/>
    <col min="12289" max="12289" width="2.625" style="21" customWidth="1"/>
    <col min="12290" max="12294" width="2.125" style="21" customWidth="1"/>
    <col min="12295" max="12295" width="2.625" style="21" customWidth="1"/>
    <col min="12296" max="12296" width="23.125" style="21" customWidth="1"/>
    <col min="12297" max="12300" width="28.125" style="21" customWidth="1"/>
    <col min="12301" max="12301" width="35.5" style="21" customWidth="1"/>
    <col min="12302" max="12302" width="26.25" style="21" customWidth="1"/>
    <col min="12303" max="12303" width="28.125" style="21" customWidth="1"/>
    <col min="12304" max="12304" width="2.625" style="21" customWidth="1"/>
    <col min="12305" max="12544" width="8.875" style="21"/>
    <col min="12545" max="12545" width="2.625" style="21" customWidth="1"/>
    <col min="12546" max="12550" width="2.125" style="21" customWidth="1"/>
    <col min="12551" max="12551" width="2.625" style="21" customWidth="1"/>
    <col min="12552" max="12552" width="23.125" style="21" customWidth="1"/>
    <col min="12553" max="12556" width="28.125" style="21" customWidth="1"/>
    <col min="12557" max="12557" width="35.5" style="21" customWidth="1"/>
    <col min="12558" max="12558" width="26.25" style="21" customWidth="1"/>
    <col min="12559" max="12559" width="28.125" style="21" customWidth="1"/>
    <col min="12560" max="12560" width="2.625" style="21" customWidth="1"/>
    <col min="12561" max="12800" width="8.875" style="21"/>
    <col min="12801" max="12801" width="2.625" style="21" customWidth="1"/>
    <col min="12802" max="12806" width="2.125" style="21" customWidth="1"/>
    <col min="12807" max="12807" width="2.625" style="21" customWidth="1"/>
    <col min="12808" max="12808" width="23.125" style="21" customWidth="1"/>
    <col min="12809" max="12812" width="28.125" style="21" customWidth="1"/>
    <col min="12813" max="12813" width="35.5" style="21" customWidth="1"/>
    <col min="12814" max="12814" width="26.25" style="21" customWidth="1"/>
    <col min="12815" max="12815" width="28.125" style="21" customWidth="1"/>
    <col min="12816" max="12816" width="2.625" style="21" customWidth="1"/>
    <col min="12817" max="13056" width="8.875" style="21"/>
    <col min="13057" max="13057" width="2.625" style="21" customWidth="1"/>
    <col min="13058" max="13062" width="2.125" style="21" customWidth="1"/>
    <col min="13063" max="13063" width="2.625" style="21" customWidth="1"/>
    <col min="13064" max="13064" width="23.125" style="21" customWidth="1"/>
    <col min="13065" max="13068" width="28.125" style="21" customWidth="1"/>
    <col min="13069" max="13069" width="35.5" style="21" customWidth="1"/>
    <col min="13070" max="13070" width="26.25" style="21" customWidth="1"/>
    <col min="13071" max="13071" width="28.125" style="21" customWidth="1"/>
    <col min="13072" max="13072" width="2.625" style="21" customWidth="1"/>
    <col min="13073" max="13312" width="8.875" style="21"/>
    <col min="13313" max="13313" width="2.625" style="21" customWidth="1"/>
    <col min="13314" max="13318" width="2.125" style="21" customWidth="1"/>
    <col min="13319" max="13319" width="2.625" style="21" customWidth="1"/>
    <col min="13320" max="13320" width="23.125" style="21" customWidth="1"/>
    <col min="13321" max="13324" width="28.125" style="21" customWidth="1"/>
    <col min="13325" max="13325" width="35.5" style="21" customWidth="1"/>
    <col min="13326" max="13326" width="26.25" style="21" customWidth="1"/>
    <col min="13327" max="13327" width="28.125" style="21" customWidth="1"/>
    <col min="13328" max="13328" width="2.625" style="21" customWidth="1"/>
    <col min="13329" max="13568" width="8.875" style="21"/>
    <col min="13569" max="13569" width="2.625" style="21" customWidth="1"/>
    <col min="13570" max="13574" width="2.125" style="21" customWidth="1"/>
    <col min="13575" max="13575" width="2.625" style="21" customWidth="1"/>
    <col min="13576" max="13576" width="23.125" style="21" customWidth="1"/>
    <col min="13577" max="13580" width="28.125" style="21" customWidth="1"/>
    <col min="13581" max="13581" width="35.5" style="21" customWidth="1"/>
    <col min="13582" max="13582" width="26.25" style="21" customWidth="1"/>
    <col min="13583" max="13583" width="28.125" style="21" customWidth="1"/>
    <col min="13584" max="13584" width="2.625" style="21" customWidth="1"/>
    <col min="13585" max="13824" width="8.875" style="21"/>
    <col min="13825" max="13825" width="2.625" style="21" customWidth="1"/>
    <col min="13826" max="13830" width="2.125" style="21" customWidth="1"/>
    <col min="13831" max="13831" width="2.625" style="21" customWidth="1"/>
    <col min="13832" max="13832" width="23.125" style="21" customWidth="1"/>
    <col min="13833" max="13836" width="28.125" style="21" customWidth="1"/>
    <col min="13837" max="13837" width="35.5" style="21" customWidth="1"/>
    <col min="13838" max="13838" width="26.25" style="21" customWidth="1"/>
    <col min="13839" max="13839" width="28.125" style="21" customWidth="1"/>
    <col min="13840" max="13840" width="2.625" style="21" customWidth="1"/>
    <col min="13841" max="14080" width="8.875" style="21"/>
    <col min="14081" max="14081" width="2.625" style="21" customWidth="1"/>
    <col min="14082" max="14086" width="2.125" style="21" customWidth="1"/>
    <col min="14087" max="14087" width="2.625" style="21" customWidth="1"/>
    <col min="14088" max="14088" width="23.125" style="21" customWidth="1"/>
    <col min="14089" max="14092" width="28.125" style="21" customWidth="1"/>
    <col min="14093" max="14093" width="35.5" style="21" customWidth="1"/>
    <col min="14094" max="14094" width="26.25" style="21" customWidth="1"/>
    <col min="14095" max="14095" width="28.125" style="21" customWidth="1"/>
    <col min="14096" max="14096" width="2.625" style="21" customWidth="1"/>
    <col min="14097" max="14336" width="8.875" style="21"/>
    <col min="14337" max="14337" width="2.625" style="21" customWidth="1"/>
    <col min="14338" max="14342" width="2.125" style="21" customWidth="1"/>
    <col min="14343" max="14343" width="2.625" style="21" customWidth="1"/>
    <col min="14344" max="14344" width="23.125" style="21" customWidth="1"/>
    <col min="14345" max="14348" width="28.125" style="21" customWidth="1"/>
    <col min="14349" max="14349" width="35.5" style="21" customWidth="1"/>
    <col min="14350" max="14350" width="26.25" style="21" customWidth="1"/>
    <col min="14351" max="14351" width="28.125" style="21" customWidth="1"/>
    <col min="14352" max="14352" width="2.625" style="21" customWidth="1"/>
    <col min="14353" max="14592" width="8.875" style="21"/>
    <col min="14593" max="14593" width="2.625" style="21" customWidth="1"/>
    <col min="14594" max="14598" width="2.125" style="21" customWidth="1"/>
    <col min="14599" max="14599" width="2.625" style="21" customWidth="1"/>
    <col min="14600" max="14600" width="23.125" style="21" customWidth="1"/>
    <col min="14601" max="14604" width="28.125" style="21" customWidth="1"/>
    <col min="14605" max="14605" width="35.5" style="21" customWidth="1"/>
    <col min="14606" max="14606" width="26.25" style="21" customWidth="1"/>
    <col min="14607" max="14607" width="28.125" style="21" customWidth="1"/>
    <col min="14608" max="14608" width="2.625" style="21" customWidth="1"/>
    <col min="14609" max="14848" width="8.875" style="21"/>
    <col min="14849" max="14849" width="2.625" style="21" customWidth="1"/>
    <col min="14850" max="14854" width="2.125" style="21" customWidth="1"/>
    <col min="14855" max="14855" width="2.625" style="21" customWidth="1"/>
    <col min="14856" max="14856" width="23.125" style="21" customWidth="1"/>
    <col min="14857" max="14860" width="28.125" style="21" customWidth="1"/>
    <col min="14861" max="14861" width="35.5" style="21" customWidth="1"/>
    <col min="14862" max="14862" width="26.25" style="21" customWidth="1"/>
    <col min="14863" max="14863" width="28.125" style="21" customWidth="1"/>
    <col min="14864" max="14864" width="2.625" style="21" customWidth="1"/>
    <col min="14865" max="15104" width="8.875" style="21"/>
    <col min="15105" max="15105" width="2.625" style="21" customWidth="1"/>
    <col min="15106" max="15110" width="2.125" style="21" customWidth="1"/>
    <col min="15111" max="15111" width="2.625" style="21" customWidth="1"/>
    <col min="15112" max="15112" width="23.125" style="21" customWidth="1"/>
    <col min="15113" max="15116" width="28.125" style="21" customWidth="1"/>
    <col min="15117" max="15117" width="35.5" style="21" customWidth="1"/>
    <col min="15118" max="15118" width="26.25" style="21" customWidth="1"/>
    <col min="15119" max="15119" width="28.125" style="21" customWidth="1"/>
    <col min="15120" max="15120" width="2.625" style="21" customWidth="1"/>
    <col min="15121" max="15360" width="8.875" style="21"/>
    <col min="15361" max="15361" width="2.625" style="21" customWidth="1"/>
    <col min="15362" max="15366" width="2.125" style="21" customWidth="1"/>
    <col min="15367" max="15367" width="2.625" style="21" customWidth="1"/>
    <col min="15368" max="15368" width="23.125" style="21" customWidth="1"/>
    <col min="15369" max="15372" width="28.125" style="21" customWidth="1"/>
    <col min="15373" max="15373" width="35.5" style="21" customWidth="1"/>
    <col min="15374" max="15374" width="26.25" style="21" customWidth="1"/>
    <col min="15375" max="15375" width="28.125" style="21" customWidth="1"/>
    <col min="15376" max="15376" width="2.625" style="21" customWidth="1"/>
    <col min="15377" max="15616" width="8.875" style="21"/>
    <col min="15617" max="15617" width="2.625" style="21" customWidth="1"/>
    <col min="15618" max="15622" width="2.125" style="21" customWidth="1"/>
    <col min="15623" max="15623" width="2.625" style="21" customWidth="1"/>
    <col min="15624" max="15624" width="23.125" style="21" customWidth="1"/>
    <col min="15625" max="15628" width="28.125" style="21" customWidth="1"/>
    <col min="15629" max="15629" width="35.5" style="21" customWidth="1"/>
    <col min="15630" max="15630" width="26.25" style="21" customWidth="1"/>
    <col min="15631" max="15631" width="28.125" style="21" customWidth="1"/>
    <col min="15632" max="15632" width="2.625" style="21" customWidth="1"/>
    <col min="15633" max="15872" width="8.875" style="21"/>
    <col min="15873" max="15873" width="2.625" style="21" customWidth="1"/>
    <col min="15874" max="15878" width="2.125" style="21" customWidth="1"/>
    <col min="15879" max="15879" width="2.625" style="21" customWidth="1"/>
    <col min="15880" max="15880" width="23.125" style="21" customWidth="1"/>
    <col min="15881" max="15884" width="28.125" style="21" customWidth="1"/>
    <col min="15885" max="15885" width="35.5" style="21" customWidth="1"/>
    <col min="15886" max="15886" width="26.25" style="21" customWidth="1"/>
    <col min="15887" max="15887" width="28.125" style="21" customWidth="1"/>
    <col min="15888" max="15888" width="2.625" style="21" customWidth="1"/>
    <col min="15889" max="16128" width="8.875" style="21"/>
    <col min="16129" max="16129" width="2.625" style="21" customWidth="1"/>
    <col min="16130" max="16134" width="2.125" style="21" customWidth="1"/>
    <col min="16135" max="16135" width="2.625" style="21" customWidth="1"/>
    <col min="16136" max="16136" width="23.125" style="21" customWidth="1"/>
    <col min="16137" max="16140" width="28.125" style="21" customWidth="1"/>
    <col min="16141" max="16141" width="35.5" style="21" customWidth="1"/>
    <col min="16142" max="16142" width="26.25" style="21" customWidth="1"/>
    <col min="16143" max="16143" width="28.125" style="21" customWidth="1"/>
    <col min="16144" max="16144" width="2.625" style="21" customWidth="1"/>
    <col min="16145" max="16384" width="8.875" style="21"/>
  </cols>
  <sheetData>
    <row r="1" spans="2:15" s="13" customFormat="1" ht="22.5" customHeight="1" x14ac:dyDescent="0.15">
      <c r="B1" s="22" t="s">
        <v>31</v>
      </c>
    </row>
    <row r="2" spans="2:15" s="13" customFormat="1" ht="22.5" customHeight="1" x14ac:dyDescent="0.15">
      <c r="B2" s="22" t="s">
        <v>32</v>
      </c>
    </row>
    <row r="3" spans="2:15" s="13" customFormat="1" ht="22.5" customHeight="1" x14ac:dyDescent="0.15">
      <c r="B3" s="22" t="s">
        <v>33</v>
      </c>
    </row>
    <row r="5" spans="2:15" x14ac:dyDescent="0.15">
      <c r="B5" s="42" t="s">
        <v>34</v>
      </c>
      <c r="C5" s="43"/>
      <c r="D5" s="43"/>
      <c r="E5" s="43"/>
      <c r="F5" s="43"/>
      <c r="G5" s="43"/>
      <c r="H5" s="43"/>
      <c r="I5" s="43"/>
      <c r="J5" s="43"/>
      <c r="K5" s="43"/>
      <c r="L5" s="43"/>
      <c r="M5" s="43"/>
      <c r="N5" s="43"/>
      <c r="O5" s="43"/>
    </row>
    <row r="6" spans="2:15" ht="23.25" customHeight="1" x14ac:dyDescent="0.15">
      <c r="B6" s="43"/>
      <c r="C6" s="43"/>
      <c r="D6" s="43"/>
      <c r="E6" s="43"/>
      <c r="F6" s="43"/>
      <c r="G6" s="43"/>
      <c r="H6" s="43"/>
      <c r="I6" s="43"/>
      <c r="J6" s="43"/>
      <c r="K6" s="43"/>
      <c r="L6" s="43"/>
      <c r="M6" s="43"/>
      <c r="N6" s="43"/>
      <c r="O6" s="43"/>
    </row>
    <row r="7" spans="2:15" x14ac:dyDescent="0.15">
      <c r="O7" s="23" t="s">
        <v>35</v>
      </c>
    </row>
    <row r="8" spans="2:15" ht="21.95" customHeight="1" x14ac:dyDescent="0.15">
      <c r="B8" s="44" t="s">
        <v>36</v>
      </c>
      <c r="C8" s="45"/>
      <c r="D8" s="45"/>
      <c r="E8" s="45"/>
      <c r="F8" s="45"/>
      <c r="G8" s="45"/>
      <c r="H8" s="46"/>
      <c r="I8" s="24" t="s">
        <v>37</v>
      </c>
      <c r="J8" s="25" t="s">
        <v>38</v>
      </c>
      <c r="K8" s="25" t="s">
        <v>39</v>
      </c>
      <c r="L8" s="25" t="s">
        <v>40</v>
      </c>
      <c r="M8" s="25" t="s">
        <v>41</v>
      </c>
      <c r="N8" s="25" t="s">
        <v>42</v>
      </c>
      <c r="O8" s="25" t="s">
        <v>43</v>
      </c>
    </row>
    <row r="9" spans="2:15" ht="21.95" customHeight="1" x14ac:dyDescent="0.15">
      <c r="B9" s="47"/>
      <c r="C9" s="48"/>
      <c r="D9" s="48"/>
      <c r="E9" s="48"/>
      <c r="F9" s="48"/>
      <c r="G9" s="48"/>
      <c r="H9" s="49"/>
      <c r="I9" s="26" t="s">
        <v>16</v>
      </c>
      <c r="J9" s="26" t="s">
        <v>15</v>
      </c>
      <c r="K9" s="26" t="s">
        <v>14</v>
      </c>
      <c r="L9" s="26" t="s">
        <v>44</v>
      </c>
      <c r="M9" s="26" t="s">
        <v>12</v>
      </c>
      <c r="N9" s="26" t="s">
        <v>45</v>
      </c>
      <c r="O9" s="26" t="s">
        <v>46</v>
      </c>
    </row>
    <row r="10" spans="2:15" ht="21.95" customHeight="1" x14ac:dyDescent="0.15">
      <c r="B10" s="27" t="s">
        <v>47</v>
      </c>
      <c r="C10" s="28"/>
      <c r="D10" s="28"/>
      <c r="E10" s="28"/>
      <c r="F10" s="28"/>
      <c r="G10" s="28"/>
      <c r="H10" s="29"/>
      <c r="I10" s="30">
        <v>243178531</v>
      </c>
      <c r="J10" s="30">
        <v>0</v>
      </c>
      <c r="K10" s="30">
        <v>0</v>
      </c>
      <c r="L10" s="30">
        <v>243178531</v>
      </c>
      <c r="M10" s="30">
        <v>135142625</v>
      </c>
      <c r="N10" s="30">
        <v>321672</v>
      </c>
      <c r="O10" s="30">
        <v>108035906</v>
      </c>
    </row>
    <row r="11" spans="2:15" ht="21.95" customHeight="1" x14ac:dyDescent="0.15">
      <c r="B11" s="27"/>
      <c r="C11" s="28" t="s">
        <v>48</v>
      </c>
      <c r="D11" s="28"/>
      <c r="E11" s="28"/>
      <c r="F11" s="28"/>
      <c r="G11" s="28"/>
      <c r="H11" s="29"/>
      <c r="I11" s="30">
        <v>242941931</v>
      </c>
      <c r="J11" s="30">
        <v>0</v>
      </c>
      <c r="K11" s="30">
        <v>0</v>
      </c>
      <c r="L11" s="30">
        <v>242941931</v>
      </c>
      <c r="M11" s="30">
        <v>134906025</v>
      </c>
      <c r="N11" s="30">
        <v>321672</v>
      </c>
      <c r="O11" s="30">
        <v>108035906</v>
      </c>
    </row>
    <row r="12" spans="2:15" ht="21.95" customHeight="1" x14ac:dyDescent="0.15">
      <c r="B12" s="27"/>
      <c r="C12" s="28"/>
      <c r="D12" s="28" t="s">
        <v>49</v>
      </c>
      <c r="E12" s="28"/>
      <c r="F12" s="28"/>
      <c r="G12" s="28"/>
      <c r="H12" s="29"/>
      <c r="I12" s="30">
        <v>105702640</v>
      </c>
      <c r="J12" s="30">
        <v>0</v>
      </c>
      <c r="K12" s="30">
        <v>0</v>
      </c>
      <c r="L12" s="30">
        <v>105702640</v>
      </c>
      <c r="M12" s="30">
        <v>0</v>
      </c>
      <c r="N12" s="30">
        <v>0</v>
      </c>
      <c r="O12" s="30">
        <v>105702640</v>
      </c>
    </row>
    <row r="13" spans="2:15" ht="21.95" customHeight="1" x14ac:dyDescent="0.15">
      <c r="B13" s="27"/>
      <c r="C13" s="28"/>
      <c r="D13" s="28" t="s">
        <v>50</v>
      </c>
      <c r="E13" s="28"/>
      <c r="F13" s="28"/>
      <c r="G13" s="28"/>
      <c r="H13" s="29"/>
      <c r="I13" s="30">
        <v>25642510</v>
      </c>
      <c r="J13" s="30">
        <v>0</v>
      </c>
      <c r="K13" s="30">
        <v>0</v>
      </c>
      <c r="L13" s="30">
        <v>25642510</v>
      </c>
      <c r="M13" s="30">
        <v>23567508</v>
      </c>
      <c r="N13" s="30">
        <v>300000</v>
      </c>
      <c r="O13" s="30">
        <v>2075002</v>
      </c>
    </row>
    <row r="14" spans="2:15" ht="21.95" customHeight="1" x14ac:dyDescent="0.15">
      <c r="B14" s="27"/>
      <c r="C14" s="28"/>
      <c r="D14" s="28" t="s">
        <v>51</v>
      </c>
      <c r="E14" s="28"/>
      <c r="F14" s="28"/>
      <c r="G14" s="28"/>
      <c r="H14" s="29"/>
      <c r="I14" s="30">
        <v>60186281</v>
      </c>
      <c r="J14" s="30">
        <v>0</v>
      </c>
      <c r="K14" s="30">
        <v>0</v>
      </c>
      <c r="L14" s="30">
        <v>60186281</v>
      </c>
      <c r="M14" s="30">
        <v>59928022</v>
      </c>
      <c r="N14" s="30">
        <v>21672</v>
      </c>
      <c r="O14" s="30">
        <v>258259</v>
      </c>
    </row>
    <row r="15" spans="2:15" ht="21.95" customHeight="1" x14ac:dyDescent="0.15">
      <c r="B15" s="27"/>
      <c r="C15" s="28"/>
      <c r="D15" s="28" t="s">
        <v>52</v>
      </c>
      <c r="E15" s="28"/>
      <c r="F15" s="28"/>
      <c r="G15" s="28"/>
      <c r="H15" s="29"/>
      <c r="I15" s="30">
        <v>0</v>
      </c>
      <c r="J15" s="30">
        <v>0</v>
      </c>
      <c r="K15" s="30">
        <v>0</v>
      </c>
      <c r="L15" s="30">
        <v>0</v>
      </c>
      <c r="M15" s="30">
        <v>0</v>
      </c>
      <c r="N15" s="30">
        <v>0</v>
      </c>
      <c r="O15" s="30">
        <v>0</v>
      </c>
    </row>
    <row r="16" spans="2:15" ht="21.95" customHeight="1" x14ac:dyDescent="0.15">
      <c r="B16" s="27"/>
      <c r="C16" s="28"/>
      <c r="D16" s="28" t="s">
        <v>53</v>
      </c>
      <c r="E16" s="28"/>
      <c r="F16" s="28"/>
      <c r="G16" s="28"/>
      <c r="H16" s="29"/>
      <c r="I16" s="30">
        <v>36410500</v>
      </c>
      <c r="J16" s="30">
        <v>0</v>
      </c>
      <c r="K16" s="30">
        <v>0</v>
      </c>
      <c r="L16" s="30">
        <v>36410500</v>
      </c>
      <c r="M16" s="30">
        <v>36410498</v>
      </c>
      <c r="N16" s="30">
        <v>0</v>
      </c>
      <c r="O16" s="30">
        <v>2</v>
      </c>
    </row>
    <row r="17" spans="2:15" ht="21.95" customHeight="1" x14ac:dyDescent="0.15">
      <c r="B17" s="27"/>
      <c r="C17" s="28"/>
      <c r="D17" s="28" t="s">
        <v>54</v>
      </c>
      <c r="E17" s="28"/>
      <c r="F17" s="28"/>
      <c r="G17" s="28"/>
      <c r="H17" s="29"/>
      <c r="I17" s="30">
        <v>15000000</v>
      </c>
      <c r="J17" s="30">
        <v>0</v>
      </c>
      <c r="K17" s="30">
        <v>0</v>
      </c>
      <c r="L17" s="30">
        <v>15000000</v>
      </c>
      <c r="M17" s="30">
        <v>14999997</v>
      </c>
      <c r="N17" s="30">
        <v>0</v>
      </c>
      <c r="O17" s="30">
        <v>3</v>
      </c>
    </row>
    <row r="18" spans="2:15" ht="21.95" customHeight="1" x14ac:dyDescent="0.15">
      <c r="B18" s="27"/>
      <c r="C18" s="28"/>
      <c r="D18" s="28" t="s">
        <v>55</v>
      </c>
      <c r="E18" s="28"/>
      <c r="F18" s="28"/>
      <c r="G18" s="28"/>
      <c r="H18" s="29"/>
      <c r="I18" s="30">
        <v>0</v>
      </c>
      <c r="J18" s="30">
        <v>0</v>
      </c>
      <c r="K18" s="30">
        <v>0</v>
      </c>
      <c r="L18" s="30">
        <v>0</v>
      </c>
      <c r="M18" s="30">
        <v>0</v>
      </c>
      <c r="N18" s="30">
        <v>0</v>
      </c>
      <c r="O18" s="30">
        <v>0</v>
      </c>
    </row>
    <row r="19" spans="2:15" ht="21.95" customHeight="1" x14ac:dyDescent="0.15">
      <c r="B19" s="31"/>
      <c r="C19" s="32" t="s">
        <v>56</v>
      </c>
      <c r="D19" s="32"/>
      <c r="E19" s="32"/>
      <c r="F19" s="32"/>
      <c r="G19" s="32"/>
      <c r="H19" s="33"/>
      <c r="I19" s="30">
        <v>236600</v>
      </c>
      <c r="J19" s="30">
        <v>0</v>
      </c>
      <c r="K19" s="30">
        <v>0</v>
      </c>
      <c r="L19" s="30">
        <v>236600</v>
      </c>
      <c r="M19" s="30">
        <v>236600</v>
      </c>
      <c r="N19" s="30">
        <v>0</v>
      </c>
      <c r="O19" s="30">
        <v>0</v>
      </c>
    </row>
    <row r="20" spans="2:15" ht="21.95" customHeight="1" x14ac:dyDescent="0.15">
      <c r="B20" s="31"/>
      <c r="C20" s="32"/>
      <c r="D20" s="32" t="s">
        <v>57</v>
      </c>
      <c r="E20" s="32"/>
      <c r="F20" s="32"/>
      <c r="G20" s="32"/>
      <c r="H20" s="33"/>
      <c r="I20" s="30">
        <v>0</v>
      </c>
      <c r="J20" s="30">
        <v>0</v>
      </c>
      <c r="K20" s="30">
        <v>0</v>
      </c>
      <c r="L20" s="30">
        <v>0</v>
      </c>
      <c r="M20" s="30">
        <v>0</v>
      </c>
      <c r="N20" s="30">
        <v>0</v>
      </c>
      <c r="O20" s="30">
        <v>0</v>
      </c>
    </row>
    <row r="21" spans="2:15" ht="21.95" customHeight="1" x14ac:dyDescent="0.15">
      <c r="B21" s="31"/>
      <c r="C21" s="32"/>
      <c r="D21" s="32" t="s">
        <v>58</v>
      </c>
      <c r="E21" s="32"/>
      <c r="F21" s="32"/>
      <c r="G21" s="32"/>
      <c r="H21" s="33"/>
      <c r="I21" s="30">
        <v>236600</v>
      </c>
      <c r="J21" s="30">
        <v>0</v>
      </c>
      <c r="K21" s="30">
        <v>0</v>
      </c>
      <c r="L21" s="30">
        <v>236600</v>
      </c>
      <c r="M21" s="30">
        <v>236600</v>
      </c>
      <c r="N21" s="30">
        <v>0</v>
      </c>
      <c r="O21" s="30">
        <v>0</v>
      </c>
    </row>
    <row r="22" spans="2:15" ht="21.95" customHeight="1" x14ac:dyDescent="0.15">
      <c r="B22" s="27" t="s">
        <v>59</v>
      </c>
      <c r="C22" s="28"/>
      <c r="D22" s="28"/>
      <c r="E22" s="28"/>
      <c r="F22" s="28"/>
      <c r="G22" s="28"/>
      <c r="H22" s="29"/>
      <c r="I22" s="30">
        <v>97660471730</v>
      </c>
      <c r="J22" s="30">
        <v>223459600</v>
      </c>
      <c r="K22" s="30">
        <v>0</v>
      </c>
      <c r="L22" s="30">
        <v>97883931330</v>
      </c>
      <c r="M22" s="30">
        <v>42861243136</v>
      </c>
      <c r="N22" s="30">
        <v>1806706494</v>
      </c>
      <c r="O22" s="30">
        <v>55022688194</v>
      </c>
    </row>
    <row r="23" spans="2:15" ht="21.95" customHeight="1" x14ac:dyDescent="0.15">
      <c r="B23" s="27"/>
      <c r="C23" s="28" t="s">
        <v>60</v>
      </c>
      <c r="D23" s="28"/>
      <c r="E23" s="28"/>
      <c r="F23" s="28"/>
      <c r="G23" s="28"/>
      <c r="H23" s="29"/>
      <c r="I23" s="30">
        <v>97660471730</v>
      </c>
      <c r="J23" s="30">
        <v>223459600</v>
      </c>
      <c r="K23" s="30">
        <v>0</v>
      </c>
      <c r="L23" s="30">
        <v>97883931330</v>
      </c>
      <c r="M23" s="30">
        <v>42861243136</v>
      </c>
      <c r="N23" s="30">
        <v>1806706494</v>
      </c>
      <c r="O23" s="30">
        <v>55022688194</v>
      </c>
    </row>
    <row r="24" spans="2:15" ht="21.95" customHeight="1" x14ac:dyDescent="0.15">
      <c r="B24" s="27"/>
      <c r="C24" s="28"/>
      <c r="D24" s="28" t="s">
        <v>49</v>
      </c>
      <c r="E24" s="28"/>
      <c r="F24" s="28"/>
      <c r="G24" s="28"/>
      <c r="H24" s="29"/>
      <c r="I24" s="30">
        <v>11661351015</v>
      </c>
      <c r="J24" s="30">
        <v>0</v>
      </c>
      <c r="K24" s="30">
        <v>0</v>
      </c>
      <c r="L24" s="30">
        <v>11661351015</v>
      </c>
      <c r="M24" s="30">
        <v>0</v>
      </c>
      <c r="N24" s="30">
        <v>0</v>
      </c>
      <c r="O24" s="30">
        <v>11661351015</v>
      </c>
    </row>
    <row r="25" spans="2:15" ht="21.95" customHeight="1" x14ac:dyDescent="0.15">
      <c r="B25" s="27"/>
      <c r="C25" s="28"/>
      <c r="D25" s="28" t="s">
        <v>50</v>
      </c>
      <c r="E25" s="28"/>
      <c r="F25" s="28"/>
      <c r="G25" s="28"/>
      <c r="H25" s="29"/>
      <c r="I25" s="30">
        <v>172278750</v>
      </c>
      <c r="J25" s="30">
        <v>0</v>
      </c>
      <c r="K25" s="30">
        <v>0</v>
      </c>
      <c r="L25" s="30">
        <v>172278750</v>
      </c>
      <c r="M25" s="30">
        <v>85812342</v>
      </c>
      <c r="N25" s="30">
        <v>3902376</v>
      </c>
      <c r="O25" s="30">
        <v>86466408</v>
      </c>
    </row>
    <row r="26" spans="2:15" ht="21.95" customHeight="1" x14ac:dyDescent="0.15">
      <c r="B26" s="27"/>
      <c r="C26" s="28"/>
      <c r="D26" s="28" t="s">
        <v>51</v>
      </c>
      <c r="E26" s="28"/>
      <c r="F26" s="28"/>
      <c r="G26" s="28"/>
      <c r="H26" s="29"/>
      <c r="I26" s="30">
        <v>85826841965</v>
      </c>
      <c r="J26" s="30">
        <v>223459600</v>
      </c>
      <c r="K26" s="30">
        <v>0</v>
      </c>
      <c r="L26" s="30">
        <v>86050301565</v>
      </c>
      <c r="M26" s="30">
        <v>42775430794</v>
      </c>
      <c r="N26" s="30">
        <v>1802804118</v>
      </c>
      <c r="O26" s="30">
        <v>43274870771</v>
      </c>
    </row>
    <row r="27" spans="2:15" ht="21.95" customHeight="1" x14ac:dyDescent="0.15">
      <c r="B27" s="31"/>
      <c r="C27" s="32" t="s">
        <v>61</v>
      </c>
      <c r="D27" s="32"/>
      <c r="E27" s="32"/>
      <c r="F27" s="32"/>
      <c r="G27" s="32"/>
      <c r="H27" s="33"/>
      <c r="I27" s="30">
        <v>0</v>
      </c>
      <c r="J27" s="30">
        <v>0</v>
      </c>
      <c r="K27" s="30">
        <v>0</v>
      </c>
      <c r="L27" s="30">
        <v>0</v>
      </c>
      <c r="M27" s="30">
        <v>0</v>
      </c>
      <c r="N27" s="30">
        <v>0</v>
      </c>
      <c r="O27" s="30">
        <v>0</v>
      </c>
    </row>
    <row r="28" spans="2:15" ht="21.95" customHeight="1" x14ac:dyDescent="0.15">
      <c r="B28" s="31"/>
      <c r="C28" s="32"/>
      <c r="D28" s="32" t="s">
        <v>57</v>
      </c>
      <c r="E28" s="32"/>
      <c r="F28" s="32"/>
      <c r="G28" s="32"/>
      <c r="H28" s="33"/>
      <c r="I28" s="30">
        <v>0</v>
      </c>
      <c r="J28" s="30">
        <v>0</v>
      </c>
      <c r="K28" s="30">
        <v>0</v>
      </c>
      <c r="L28" s="30">
        <v>0</v>
      </c>
      <c r="M28" s="30">
        <v>0</v>
      </c>
      <c r="N28" s="30">
        <v>0</v>
      </c>
      <c r="O28" s="30">
        <v>0</v>
      </c>
    </row>
    <row r="29" spans="2:15" ht="21.95" customHeight="1" x14ac:dyDescent="0.15">
      <c r="B29" s="31"/>
      <c r="C29" s="32"/>
      <c r="D29" s="32" t="s">
        <v>58</v>
      </c>
      <c r="E29" s="32"/>
      <c r="F29" s="32"/>
      <c r="G29" s="32"/>
      <c r="H29" s="33"/>
      <c r="I29" s="30">
        <v>0</v>
      </c>
      <c r="J29" s="30">
        <v>0</v>
      </c>
      <c r="K29" s="30">
        <v>0</v>
      </c>
      <c r="L29" s="30">
        <v>0</v>
      </c>
      <c r="M29" s="30">
        <v>0</v>
      </c>
      <c r="N29" s="30">
        <v>0</v>
      </c>
      <c r="O29" s="30">
        <v>0</v>
      </c>
    </row>
    <row r="30" spans="2:15" ht="21.95" customHeight="1" x14ac:dyDescent="0.15">
      <c r="B30" s="27" t="s">
        <v>62</v>
      </c>
      <c r="C30" s="28"/>
      <c r="D30" s="28"/>
      <c r="E30" s="28"/>
      <c r="F30" s="28"/>
      <c r="G30" s="28"/>
      <c r="H30" s="29"/>
      <c r="I30" s="30">
        <v>118387500</v>
      </c>
      <c r="J30" s="30">
        <v>0</v>
      </c>
      <c r="K30" s="30">
        <v>0</v>
      </c>
      <c r="L30" s="30">
        <v>118387500</v>
      </c>
      <c r="M30" s="30">
        <v>118387496</v>
      </c>
      <c r="N30" s="30">
        <v>0</v>
      </c>
      <c r="O30" s="30">
        <v>4</v>
      </c>
    </row>
    <row r="31" spans="2:15" ht="21.95" customHeight="1" x14ac:dyDescent="0.15">
      <c r="B31" s="27" t="s">
        <v>63</v>
      </c>
      <c r="C31" s="28"/>
      <c r="D31" s="28"/>
      <c r="E31" s="28"/>
      <c r="F31" s="28"/>
      <c r="G31" s="28"/>
      <c r="H31" s="29"/>
      <c r="I31" s="30">
        <v>28154754</v>
      </c>
      <c r="J31" s="30">
        <v>0</v>
      </c>
      <c r="K31" s="30">
        <v>0</v>
      </c>
      <c r="L31" s="30">
        <v>28154754</v>
      </c>
      <c r="M31" s="30">
        <v>21941872</v>
      </c>
      <c r="N31" s="30">
        <v>5630952</v>
      </c>
      <c r="O31" s="30">
        <v>6212882</v>
      </c>
    </row>
    <row r="32" spans="2:15" ht="21.95" customHeight="1" x14ac:dyDescent="0.15">
      <c r="B32" s="31" t="s">
        <v>64</v>
      </c>
      <c r="C32" s="32"/>
      <c r="D32" s="32"/>
      <c r="E32" s="32"/>
      <c r="F32" s="32"/>
      <c r="G32" s="32"/>
      <c r="H32" s="33"/>
      <c r="I32" s="30">
        <v>0</v>
      </c>
      <c r="J32" s="30">
        <v>0</v>
      </c>
      <c r="K32" s="30">
        <v>0</v>
      </c>
      <c r="L32" s="30">
        <v>0</v>
      </c>
      <c r="M32" s="30">
        <v>0</v>
      </c>
      <c r="N32" s="30">
        <v>0</v>
      </c>
      <c r="O32" s="30">
        <v>0</v>
      </c>
    </row>
    <row r="33" spans="2:15" ht="21.95" customHeight="1" x14ac:dyDescent="0.15">
      <c r="B33" s="31" t="s">
        <v>65</v>
      </c>
      <c r="C33" s="32"/>
      <c r="D33" s="32"/>
      <c r="E33" s="32"/>
      <c r="F33" s="32"/>
      <c r="G33" s="32"/>
      <c r="H33" s="33"/>
      <c r="I33" s="30">
        <v>3711470780</v>
      </c>
      <c r="J33" s="30">
        <v>1792438368</v>
      </c>
      <c r="K33" s="30">
        <v>234389068</v>
      </c>
      <c r="L33" s="30">
        <v>5269520080</v>
      </c>
      <c r="M33" s="30">
        <v>0</v>
      </c>
      <c r="N33" s="30">
        <v>0</v>
      </c>
      <c r="O33" s="30">
        <v>5269520080</v>
      </c>
    </row>
    <row r="34" spans="2:15" ht="21.95" customHeight="1" x14ac:dyDescent="0.15">
      <c r="B34" s="31" t="s">
        <v>66</v>
      </c>
      <c r="C34" s="32"/>
      <c r="D34" s="32"/>
      <c r="E34" s="32"/>
      <c r="F34" s="32"/>
      <c r="G34" s="32"/>
      <c r="H34" s="33"/>
      <c r="I34" s="30">
        <v>0</v>
      </c>
      <c r="J34" s="30">
        <v>0</v>
      </c>
      <c r="K34" s="30">
        <v>0</v>
      </c>
      <c r="L34" s="30">
        <v>0</v>
      </c>
      <c r="M34" s="30">
        <v>0</v>
      </c>
      <c r="N34" s="30">
        <v>0</v>
      </c>
      <c r="O34" s="30">
        <v>0</v>
      </c>
    </row>
    <row r="35" spans="2:15" ht="21.95" customHeight="1" x14ac:dyDescent="0.15">
      <c r="B35" s="50" t="s">
        <v>67</v>
      </c>
      <c r="C35" s="51"/>
      <c r="D35" s="51"/>
      <c r="E35" s="51"/>
      <c r="F35" s="51"/>
      <c r="G35" s="51"/>
      <c r="H35" s="52"/>
      <c r="I35" s="30">
        <v>101761663295</v>
      </c>
      <c r="J35" s="30">
        <v>2015897968</v>
      </c>
      <c r="K35" s="30">
        <v>234389068</v>
      </c>
      <c r="L35" s="30">
        <v>103543172195</v>
      </c>
      <c r="M35" s="30">
        <v>43136715129</v>
      </c>
      <c r="N35" s="30">
        <v>1812659118</v>
      </c>
      <c r="O35" s="30">
        <v>60406457066</v>
      </c>
    </row>
    <row r="36" spans="2:15" ht="12" customHeight="1" x14ac:dyDescent="0.15"/>
    <row r="37" spans="2:15" ht="21.95" customHeight="1" x14ac:dyDescent="0.15">
      <c r="B37" s="53"/>
      <c r="C37" s="53"/>
      <c r="D37" s="53"/>
      <c r="E37" s="53"/>
      <c r="F37" s="53"/>
      <c r="G37" s="53"/>
      <c r="H37" s="53"/>
      <c r="I37" s="53"/>
      <c r="J37" s="53"/>
      <c r="K37" s="53"/>
      <c r="L37" s="53"/>
      <c r="M37" s="53"/>
      <c r="N37" s="53"/>
      <c r="O37" s="53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R14"/>
  <sheetViews>
    <sheetView showGridLines="0" view="pageBreakPreview" zoomScale="50" zoomScaleNormal="70" zoomScaleSheetLayoutView="50" workbookViewId="0">
      <selection activeCell="B8" sqref="C9:D9"/>
    </sheetView>
  </sheetViews>
  <sheetFormatPr defaultColWidth="8.875" defaultRowHeight="18.75" x14ac:dyDescent="0.15"/>
  <cols>
    <col min="1" max="1" width="2.625" style="13" customWidth="1"/>
    <col min="2" max="7" width="3.5" style="13" customWidth="1"/>
    <col min="8" max="8" width="15.625" style="13" customWidth="1"/>
    <col min="9" max="9" width="29.5" style="13" bestFit="1" customWidth="1"/>
    <col min="10" max="10" width="33.625" style="13" customWidth="1"/>
    <col min="11" max="11" width="33.625" style="13" bestFit="1" customWidth="1"/>
    <col min="12" max="12" width="37.625" style="13" bestFit="1" customWidth="1"/>
    <col min="13" max="13" width="27.375" style="13" bestFit="1" customWidth="1"/>
    <col min="14" max="14" width="37.625" style="13" bestFit="1" customWidth="1"/>
    <col min="15" max="15" width="34.25" style="13" bestFit="1" customWidth="1"/>
    <col min="16" max="16" width="25.625" style="13" customWidth="1"/>
    <col min="17" max="17" width="34.25" style="13" bestFit="1" customWidth="1"/>
    <col min="18" max="18" width="2.625" style="13" customWidth="1"/>
    <col min="19" max="255" width="8.875" style="13"/>
    <col min="256" max="262" width="3.5" style="13" customWidth="1"/>
    <col min="263" max="263" width="15.625" style="13" customWidth="1"/>
    <col min="264" max="270" width="25.625" style="13" customWidth="1"/>
    <col min="271" max="511" width="8.875" style="13"/>
    <col min="512" max="518" width="3.5" style="13" customWidth="1"/>
    <col min="519" max="519" width="15.625" style="13" customWidth="1"/>
    <col min="520" max="526" width="25.625" style="13" customWidth="1"/>
    <col min="527" max="767" width="8.875" style="13"/>
    <col min="768" max="774" width="3.5" style="13" customWidth="1"/>
    <col min="775" max="775" width="15.625" style="13" customWidth="1"/>
    <col min="776" max="782" width="25.625" style="13" customWidth="1"/>
    <col min="783" max="1023" width="8.875" style="13"/>
    <col min="1024" max="1030" width="3.5" style="13" customWidth="1"/>
    <col min="1031" max="1031" width="15.625" style="13" customWidth="1"/>
    <col min="1032" max="1038" width="25.625" style="13" customWidth="1"/>
    <col min="1039" max="1279" width="8.875" style="13"/>
    <col min="1280" max="1286" width="3.5" style="13" customWidth="1"/>
    <col min="1287" max="1287" width="15.625" style="13" customWidth="1"/>
    <col min="1288" max="1294" width="25.625" style="13" customWidth="1"/>
    <col min="1295" max="1535" width="8.875" style="13"/>
    <col min="1536" max="1542" width="3.5" style="13" customWidth="1"/>
    <col min="1543" max="1543" width="15.625" style="13" customWidth="1"/>
    <col min="1544" max="1550" width="25.625" style="13" customWidth="1"/>
    <col min="1551" max="1791" width="8.875" style="13"/>
    <col min="1792" max="1798" width="3.5" style="13" customWidth="1"/>
    <col min="1799" max="1799" width="15.625" style="13" customWidth="1"/>
    <col min="1800" max="1806" width="25.625" style="13" customWidth="1"/>
    <col min="1807" max="2047" width="8.875" style="13"/>
    <col min="2048" max="2054" width="3.5" style="13" customWidth="1"/>
    <col min="2055" max="2055" width="15.625" style="13" customWidth="1"/>
    <col min="2056" max="2062" width="25.625" style="13" customWidth="1"/>
    <col min="2063" max="2303" width="8.875" style="13"/>
    <col min="2304" max="2310" width="3.5" style="13" customWidth="1"/>
    <col min="2311" max="2311" width="15.625" style="13" customWidth="1"/>
    <col min="2312" max="2318" width="25.625" style="13" customWidth="1"/>
    <col min="2319" max="2559" width="8.875" style="13"/>
    <col min="2560" max="2566" width="3.5" style="13" customWidth="1"/>
    <col min="2567" max="2567" width="15.625" style="13" customWidth="1"/>
    <col min="2568" max="2574" width="25.625" style="13" customWidth="1"/>
    <col min="2575" max="2815" width="8.875" style="13"/>
    <col min="2816" max="2822" width="3.5" style="13" customWidth="1"/>
    <col min="2823" max="2823" width="15.625" style="13" customWidth="1"/>
    <col min="2824" max="2830" width="25.625" style="13" customWidth="1"/>
    <col min="2831" max="3071" width="8.875" style="13"/>
    <col min="3072" max="3078" width="3.5" style="13" customWidth="1"/>
    <col min="3079" max="3079" width="15.625" style="13" customWidth="1"/>
    <col min="3080" max="3086" width="25.625" style="13" customWidth="1"/>
    <col min="3087" max="3327" width="8.875" style="13"/>
    <col min="3328" max="3334" width="3.5" style="13" customWidth="1"/>
    <col min="3335" max="3335" width="15.625" style="13" customWidth="1"/>
    <col min="3336" max="3342" width="25.625" style="13" customWidth="1"/>
    <col min="3343" max="3583" width="8.875" style="13"/>
    <col min="3584" max="3590" width="3.5" style="13" customWidth="1"/>
    <col min="3591" max="3591" width="15.625" style="13" customWidth="1"/>
    <col min="3592" max="3598" width="25.625" style="13" customWidth="1"/>
    <col min="3599" max="3839" width="8.875" style="13"/>
    <col min="3840" max="3846" width="3.5" style="13" customWidth="1"/>
    <col min="3847" max="3847" width="15.625" style="13" customWidth="1"/>
    <col min="3848" max="3854" width="25.625" style="13" customWidth="1"/>
    <col min="3855" max="4095" width="8.875" style="13"/>
    <col min="4096" max="4102" width="3.5" style="13" customWidth="1"/>
    <col min="4103" max="4103" width="15.625" style="13" customWidth="1"/>
    <col min="4104" max="4110" width="25.625" style="13" customWidth="1"/>
    <col min="4111" max="4351" width="8.875" style="13"/>
    <col min="4352" max="4358" width="3.5" style="13" customWidth="1"/>
    <col min="4359" max="4359" width="15.625" style="13" customWidth="1"/>
    <col min="4360" max="4366" width="25.625" style="13" customWidth="1"/>
    <col min="4367" max="4607" width="8.875" style="13"/>
    <col min="4608" max="4614" width="3.5" style="13" customWidth="1"/>
    <col min="4615" max="4615" width="15.625" style="13" customWidth="1"/>
    <col min="4616" max="4622" width="25.625" style="13" customWidth="1"/>
    <col min="4623" max="4863" width="8.875" style="13"/>
    <col min="4864" max="4870" width="3.5" style="13" customWidth="1"/>
    <col min="4871" max="4871" width="15.625" style="13" customWidth="1"/>
    <col min="4872" max="4878" width="25.625" style="13" customWidth="1"/>
    <col min="4879" max="5119" width="8.875" style="13"/>
    <col min="5120" max="5126" width="3.5" style="13" customWidth="1"/>
    <col min="5127" max="5127" width="15.625" style="13" customWidth="1"/>
    <col min="5128" max="5134" width="25.625" style="13" customWidth="1"/>
    <col min="5135" max="5375" width="8.875" style="13"/>
    <col min="5376" max="5382" width="3.5" style="13" customWidth="1"/>
    <col min="5383" max="5383" width="15.625" style="13" customWidth="1"/>
    <col min="5384" max="5390" width="25.625" style="13" customWidth="1"/>
    <col min="5391" max="5631" width="8.875" style="13"/>
    <col min="5632" max="5638" width="3.5" style="13" customWidth="1"/>
    <col min="5639" max="5639" width="15.625" style="13" customWidth="1"/>
    <col min="5640" max="5646" width="25.625" style="13" customWidth="1"/>
    <col min="5647" max="5887" width="8.875" style="13"/>
    <col min="5888" max="5894" width="3.5" style="13" customWidth="1"/>
    <col min="5895" max="5895" width="15.625" style="13" customWidth="1"/>
    <col min="5896" max="5902" width="25.625" style="13" customWidth="1"/>
    <col min="5903" max="6143" width="8.875" style="13"/>
    <col min="6144" max="6150" width="3.5" style="13" customWidth="1"/>
    <col min="6151" max="6151" width="15.625" style="13" customWidth="1"/>
    <col min="6152" max="6158" width="25.625" style="13" customWidth="1"/>
    <col min="6159" max="6399" width="8.875" style="13"/>
    <col min="6400" max="6406" width="3.5" style="13" customWidth="1"/>
    <col min="6407" max="6407" width="15.625" style="13" customWidth="1"/>
    <col min="6408" max="6414" width="25.625" style="13" customWidth="1"/>
    <col min="6415" max="6655" width="8.875" style="13"/>
    <col min="6656" max="6662" width="3.5" style="13" customWidth="1"/>
    <col min="6663" max="6663" width="15.625" style="13" customWidth="1"/>
    <col min="6664" max="6670" width="25.625" style="13" customWidth="1"/>
    <col min="6671" max="6911" width="8.875" style="13"/>
    <col min="6912" max="6918" width="3.5" style="13" customWidth="1"/>
    <col min="6919" max="6919" width="15.625" style="13" customWidth="1"/>
    <col min="6920" max="6926" width="25.625" style="13" customWidth="1"/>
    <col min="6927" max="7167" width="8.875" style="13"/>
    <col min="7168" max="7174" width="3.5" style="13" customWidth="1"/>
    <col min="7175" max="7175" width="15.625" style="13" customWidth="1"/>
    <col min="7176" max="7182" width="25.625" style="13" customWidth="1"/>
    <col min="7183" max="7423" width="8.875" style="13"/>
    <col min="7424" max="7430" width="3.5" style="13" customWidth="1"/>
    <col min="7431" max="7431" width="15.625" style="13" customWidth="1"/>
    <col min="7432" max="7438" width="25.625" style="13" customWidth="1"/>
    <col min="7439" max="7679" width="8.875" style="13"/>
    <col min="7680" max="7686" width="3.5" style="13" customWidth="1"/>
    <col min="7687" max="7687" width="15.625" style="13" customWidth="1"/>
    <col min="7688" max="7694" width="25.625" style="13" customWidth="1"/>
    <col min="7695" max="7935" width="8.875" style="13"/>
    <col min="7936" max="7942" width="3.5" style="13" customWidth="1"/>
    <col min="7943" max="7943" width="15.625" style="13" customWidth="1"/>
    <col min="7944" max="7950" width="25.625" style="13" customWidth="1"/>
    <col min="7951" max="8191" width="8.875" style="13"/>
    <col min="8192" max="8198" width="3.5" style="13" customWidth="1"/>
    <col min="8199" max="8199" width="15.625" style="13" customWidth="1"/>
    <col min="8200" max="8206" width="25.625" style="13" customWidth="1"/>
    <col min="8207" max="8447" width="8.875" style="13"/>
    <col min="8448" max="8454" width="3.5" style="13" customWidth="1"/>
    <col min="8455" max="8455" width="15.625" style="13" customWidth="1"/>
    <col min="8456" max="8462" width="25.625" style="13" customWidth="1"/>
    <col min="8463" max="8703" width="8.875" style="13"/>
    <col min="8704" max="8710" width="3.5" style="13" customWidth="1"/>
    <col min="8711" max="8711" width="15.625" style="13" customWidth="1"/>
    <col min="8712" max="8718" width="25.625" style="13" customWidth="1"/>
    <col min="8719" max="8959" width="8.875" style="13"/>
    <col min="8960" max="8966" width="3.5" style="13" customWidth="1"/>
    <col min="8967" max="8967" width="15.625" style="13" customWidth="1"/>
    <col min="8968" max="8974" width="25.625" style="13" customWidth="1"/>
    <col min="8975" max="9215" width="8.875" style="13"/>
    <col min="9216" max="9222" width="3.5" style="13" customWidth="1"/>
    <col min="9223" max="9223" width="15.625" style="13" customWidth="1"/>
    <col min="9224" max="9230" width="25.625" style="13" customWidth="1"/>
    <col min="9231" max="9471" width="8.875" style="13"/>
    <col min="9472" max="9478" width="3.5" style="13" customWidth="1"/>
    <col min="9479" max="9479" width="15.625" style="13" customWidth="1"/>
    <col min="9480" max="9486" width="25.625" style="13" customWidth="1"/>
    <col min="9487" max="9727" width="8.875" style="13"/>
    <col min="9728" max="9734" width="3.5" style="13" customWidth="1"/>
    <col min="9735" max="9735" width="15.625" style="13" customWidth="1"/>
    <col min="9736" max="9742" width="25.625" style="13" customWidth="1"/>
    <col min="9743" max="9983" width="8.875" style="13"/>
    <col min="9984" max="9990" width="3.5" style="13" customWidth="1"/>
    <col min="9991" max="9991" width="15.625" style="13" customWidth="1"/>
    <col min="9992" max="9998" width="25.625" style="13" customWidth="1"/>
    <col min="9999" max="10239" width="8.875" style="13"/>
    <col min="10240" max="10246" width="3.5" style="13" customWidth="1"/>
    <col min="10247" max="10247" width="15.625" style="13" customWidth="1"/>
    <col min="10248" max="10254" width="25.625" style="13" customWidth="1"/>
    <col min="10255" max="10495" width="8.875" style="13"/>
    <col min="10496" max="10502" width="3.5" style="13" customWidth="1"/>
    <col min="10503" max="10503" width="15.625" style="13" customWidth="1"/>
    <col min="10504" max="10510" width="25.625" style="13" customWidth="1"/>
    <col min="10511" max="10751" width="8.875" style="13"/>
    <col min="10752" max="10758" width="3.5" style="13" customWidth="1"/>
    <col min="10759" max="10759" width="15.625" style="13" customWidth="1"/>
    <col min="10760" max="10766" width="25.625" style="13" customWidth="1"/>
    <col min="10767" max="11007" width="8.875" style="13"/>
    <col min="11008" max="11014" width="3.5" style="13" customWidth="1"/>
    <col min="11015" max="11015" width="15.625" style="13" customWidth="1"/>
    <col min="11016" max="11022" width="25.625" style="13" customWidth="1"/>
    <col min="11023" max="11263" width="8.875" style="13"/>
    <col min="11264" max="11270" width="3.5" style="13" customWidth="1"/>
    <col min="11271" max="11271" width="15.625" style="13" customWidth="1"/>
    <col min="11272" max="11278" width="25.625" style="13" customWidth="1"/>
    <col min="11279" max="11519" width="8.875" style="13"/>
    <col min="11520" max="11526" width="3.5" style="13" customWidth="1"/>
    <col min="11527" max="11527" width="15.625" style="13" customWidth="1"/>
    <col min="11528" max="11534" width="25.625" style="13" customWidth="1"/>
    <col min="11535" max="11775" width="8.875" style="13"/>
    <col min="11776" max="11782" width="3.5" style="13" customWidth="1"/>
    <col min="11783" max="11783" width="15.625" style="13" customWidth="1"/>
    <col min="11784" max="11790" width="25.625" style="13" customWidth="1"/>
    <col min="11791" max="12031" width="8.875" style="13"/>
    <col min="12032" max="12038" width="3.5" style="13" customWidth="1"/>
    <col min="12039" max="12039" width="15.625" style="13" customWidth="1"/>
    <col min="12040" max="12046" width="25.625" style="13" customWidth="1"/>
    <col min="12047" max="12287" width="8.875" style="13"/>
    <col min="12288" max="12294" width="3.5" style="13" customWidth="1"/>
    <col min="12295" max="12295" width="15.625" style="13" customWidth="1"/>
    <col min="12296" max="12302" width="25.625" style="13" customWidth="1"/>
    <col min="12303" max="12543" width="8.875" style="13"/>
    <col min="12544" max="12550" width="3.5" style="13" customWidth="1"/>
    <col min="12551" max="12551" width="15.625" style="13" customWidth="1"/>
    <col min="12552" max="12558" width="25.625" style="13" customWidth="1"/>
    <col min="12559" max="12799" width="8.875" style="13"/>
    <col min="12800" max="12806" width="3.5" style="13" customWidth="1"/>
    <col min="12807" max="12807" width="15.625" style="13" customWidth="1"/>
    <col min="12808" max="12814" width="25.625" style="13" customWidth="1"/>
    <col min="12815" max="13055" width="8.875" style="13"/>
    <col min="13056" max="13062" width="3.5" style="13" customWidth="1"/>
    <col min="13063" max="13063" width="15.625" style="13" customWidth="1"/>
    <col min="13064" max="13070" width="25.625" style="13" customWidth="1"/>
    <col min="13071" max="13311" width="8.875" style="13"/>
    <col min="13312" max="13318" width="3.5" style="13" customWidth="1"/>
    <col min="13319" max="13319" width="15.625" style="13" customWidth="1"/>
    <col min="13320" max="13326" width="25.625" style="13" customWidth="1"/>
    <col min="13327" max="13567" width="8.875" style="13"/>
    <col min="13568" max="13574" width="3.5" style="13" customWidth="1"/>
    <col min="13575" max="13575" width="15.625" style="13" customWidth="1"/>
    <col min="13576" max="13582" width="25.625" style="13" customWidth="1"/>
    <col min="13583" max="13823" width="8.875" style="13"/>
    <col min="13824" max="13830" width="3.5" style="13" customWidth="1"/>
    <col min="13831" max="13831" width="15.625" style="13" customWidth="1"/>
    <col min="13832" max="13838" width="25.625" style="13" customWidth="1"/>
    <col min="13839" max="14079" width="8.875" style="13"/>
    <col min="14080" max="14086" width="3.5" style="13" customWidth="1"/>
    <col min="14087" max="14087" width="15.625" style="13" customWidth="1"/>
    <col min="14088" max="14094" width="25.625" style="13" customWidth="1"/>
    <col min="14095" max="14335" width="8.875" style="13"/>
    <col min="14336" max="14342" width="3.5" style="13" customWidth="1"/>
    <col min="14343" max="14343" width="15.625" style="13" customWidth="1"/>
    <col min="14344" max="14350" width="25.625" style="13" customWidth="1"/>
    <col min="14351" max="14591" width="8.875" style="13"/>
    <col min="14592" max="14598" width="3.5" style="13" customWidth="1"/>
    <col min="14599" max="14599" width="15.625" style="13" customWidth="1"/>
    <col min="14600" max="14606" width="25.625" style="13" customWidth="1"/>
    <col min="14607" max="14847" width="8.875" style="13"/>
    <col min="14848" max="14854" width="3.5" style="13" customWidth="1"/>
    <col min="14855" max="14855" width="15.625" style="13" customWidth="1"/>
    <col min="14856" max="14862" width="25.625" style="13" customWidth="1"/>
    <col min="14863" max="15103" width="8.875" style="13"/>
    <col min="15104" max="15110" width="3.5" style="13" customWidth="1"/>
    <col min="15111" max="15111" width="15.625" style="13" customWidth="1"/>
    <col min="15112" max="15118" width="25.625" style="13" customWidth="1"/>
    <col min="15119" max="15359" width="8.875" style="13"/>
    <col min="15360" max="15366" width="3.5" style="13" customWidth="1"/>
    <col min="15367" max="15367" width="15.625" style="13" customWidth="1"/>
    <col min="15368" max="15374" width="25.625" style="13" customWidth="1"/>
    <col min="15375" max="15615" width="8.875" style="13"/>
    <col min="15616" max="15622" width="3.5" style="13" customWidth="1"/>
    <col min="15623" max="15623" width="15.625" style="13" customWidth="1"/>
    <col min="15624" max="15630" width="25.625" style="13" customWidth="1"/>
    <col min="15631" max="15871" width="8.875" style="13"/>
    <col min="15872" max="15878" width="3.5" style="13" customWidth="1"/>
    <col min="15879" max="15879" width="15.625" style="13" customWidth="1"/>
    <col min="15880" max="15886" width="25.625" style="13" customWidth="1"/>
    <col min="15887" max="16127" width="8.875" style="13"/>
    <col min="16128" max="16134" width="3.5" style="13" customWidth="1"/>
    <col min="16135" max="16135" width="15.625" style="13" customWidth="1"/>
    <col min="16136" max="16142" width="25.625" style="13" customWidth="1"/>
    <col min="16143" max="16384" width="8.875" style="13"/>
  </cols>
  <sheetData>
    <row r="1" spans="1:18" ht="22.5" customHeight="1" x14ac:dyDescent="0.15">
      <c r="B1" s="22" t="s">
        <v>1</v>
      </c>
    </row>
    <row r="2" spans="1:18" ht="22.5" customHeight="1" x14ac:dyDescent="0.15">
      <c r="B2" s="22" t="s">
        <v>2</v>
      </c>
    </row>
    <row r="3" spans="1:18" ht="22.5" customHeight="1" x14ac:dyDescent="0.15">
      <c r="B3" s="22" t="s">
        <v>30</v>
      </c>
    </row>
    <row r="4" spans="1:18" s="21" customFormat="1" x14ac:dyDescent="0.15"/>
    <row r="5" spans="1:18" s="21" customFormat="1" ht="18.75" customHeight="1" x14ac:dyDescent="0.15">
      <c r="A5" s="42" t="s">
        <v>29</v>
      </c>
      <c r="B5" s="42"/>
      <c r="C5" s="42"/>
      <c r="D5" s="42"/>
      <c r="E5" s="42"/>
      <c r="F5" s="42"/>
      <c r="G5" s="42"/>
      <c r="H5" s="42"/>
      <c r="I5" s="42"/>
      <c r="J5" s="42"/>
      <c r="K5" s="42"/>
      <c r="L5" s="42"/>
      <c r="M5" s="42"/>
      <c r="N5" s="42"/>
      <c r="O5" s="42"/>
      <c r="P5" s="42"/>
      <c r="Q5" s="42"/>
      <c r="R5" s="42"/>
    </row>
    <row r="6" spans="1:18" s="21" customFormat="1" ht="18.75" customHeight="1" x14ac:dyDescent="0.15">
      <c r="A6" s="42"/>
      <c r="B6" s="42"/>
      <c r="C6" s="42"/>
      <c r="D6" s="42"/>
      <c r="E6" s="42"/>
      <c r="F6" s="42"/>
      <c r="G6" s="42"/>
      <c r="H6" s="42"/>
      <c r="I6" s="42"/>
      <c r="J6" s="42"/>
      <c r="K6" s="42"/>
      <c r="L6" s="42"/>
      <c r="M6" s="42"/>
      <c r="N6" s="42"/>
      <c r="O6" s="42"/>
      <c r="P6" s="42"/>
      <c r="Q6" s="42"/>
      <c r="R6" s="42"/>
    </row>
    <row r="8" spans="1:18" x14ac:dyDescent="0.15">
      <c r="B8" s="13" t="s">
        <v>28</v>
      </c>
      <c r="P8" s="20"/>
      <c r="Q8" s="20" t="s">
        <v>27</v>
      </c>
    </row>
    <row r="9" spans="1:18" ht="21.95" customHeight="1" x14ac:dyDescent="0.15">
      <c r="B9" s="57" t="s">
        <v>26</v>
      </c>
      <c r="C9" s="58"/>
      <c r="D9" s="58"/>
      <c r="E9" s="58"/>
      <c r="F9" s="58"/>
      <c r="G9" s="58"/>
      <c r="H9" s="59"/>
      <c r="I9" s="63" t="s">
        <v>25</v>
      </c>
      <c r="J9" s="19" t="s">
        <v>24</v>
      </c>
      <c r="K9" s="18" t="s">
        <v>23</v>
      </c>
      <c r="L9" s="18" t="s">
        <v>22</v>
      </c>
      <c r="M9" s="18" t="s">
        <v>21</v>
      </c>
      <c r="N9" s="18" t="s">
        <v>20</v>
      </c>
      <c r="O9" s="18" t="s">
        <v>19</v>
      </c>
      <c r="P9" s="18" t="s">
        <v>18</v>
      </c>
      <c r="Q9" s="18" t="s">
        <v>17</v>
      </c>
    </row>
    <row r="10" spans="1:18" ht="21.95" customHeight="1" x14ac:dyDescent="0.15">
      <c r="B10" s="60"/>
      <c r="C10" s="61"/>
      <c r="D10" s="61"/>
      <c r="E10" s="61"/>
      <c r="F10" s="61"/>
      <c r="G10" s="61"/>
      <c r="H10" s="62"/>
      <c r="I10" s="64"/>
      <c r="J10" s="17" t="s">
        <v>16</v>
      </c>
      <c r="K10" s="17" t="s">
        <v>15</v>
      </c>
      <c r="L10" s="17" t="s">
        <v>14</v>
      </c>
      <c r="M10" s="17" t="s">
        <v>13</v>
      </c>
      <c r="N10" s="17" t="s">
        <v>12</v>
      </c>
      <c r="O10" s="17" t="s">
        <v>11</v>
      </c>
      <c r="P10" s="17" t="s">
        <v>10</v>
      </c>
      <c r="Q10" s="17" t="s">
        <v>9</v>
      </c>
    </row>
    <row r="11" spans="1:18" ht="21.95" customHeight="1" x14ac:dyDescent="0.15">
      <c r="B11" s="83" t="s">
        <v>8</v>
      </c>
      <c r="C11" s="84"/>
      <c r="D11" s="84"/>
      <c r="E11" s="84"/>
      <c r="F11" s="84"/>
      <c r="G11" s="84"/>
      <c r="H11" s="85"/>
      <c r="I11" s="14">
        <v>10000000</v>
      </c>
      <c r="J11" s="14">
        <v>10000000</v>
      </c>
      <c r="K11" s="14">
        <v>30995116349</v>
      </c>
      <c r="L11" s="14">
        <v>566568206</v>
      </c>
      <c r="M11" s="14">
        <f>K11-L11</f>
        <v>30428548143</v>
      </c>
      <c r="N11" s="16">
        <v>3.6999999999999998E-2</v>
      </c>
      <c r="O11" s="14">
        <f>ROUND(M11*N11,0.1)</f>
        <v>1125856281</v>
      </c>
      <c r="P11" s="14">
        <v>0</v>
      </c>
      <c r="Q11" s="14">
        <f>J11-P11</f>
        <v>10000000</v>
      </c>
    </row>
    <row r="12" spans="1:18" ht="21.95" customHeight="1" x14ac:dyDescent="0.15">
      <c r="B12" s="83" t="s">
        <v>7</v>
      </c>
      <c r="C12" s="84"/>
      <c r="D12" s="84"/>
      <c r="E12" s="84"/>
      <c r="F12" s="84"/>
      <c r="G12" s="84"/>
      <c r="H12" s="85"/>
      <c r="I12" s="14">
        <v>5000000</v>
      </c>
      <c r="J12" s="14">
        <v>5000000</v>
      </c>
      <c r="K12" s="14">
        <v>6845282743</v>
      </c>
      <c r="L12" s="14">
        <v>3234640359</v>
      </c>
      <c r="M12" s="14">
        <f>K12-L12</f>
        <v>3610642384</v>
      </c>
      <c r="N12" s="16">
        <v>9.5999999999999992E-3</v>
      </c>
      <c r="O12" s="14">
        <f>ROUND(M12*N12,0.1)</f>
        <v>34662167</v>
      </c>
      <c r="P12" s="14">
        <v>0</v>
      </c>
      <c r="Q12" s="14">
        <f>J12-P12</f>
        <v>5000000</v>
      </c>
    </row>
    <row r="13" spans="1:18" ht="21.95" customHeight="1" x14ac:dyDescent="0.15">
      <c r="B13" s="83" t="s">
        <v>6</v>
      </c>
      <c r="C13" s="84"/>
      <c r="D13" s="84"/>
      <c r="E13" s="84"/>
      <c r="F13" s="84"/>
      <c r="G13" s="84"/>
      <c r="H13" s="85"/>
      <c r="I13" s="14">
        <v>10000000</v>
      </c>
      <c r="J13" s="14">
        <v>10000000</v>
      </c>
      <c r="K13" s="14">
        <v>2090332196</v>
      </c>
      <c r="L13" s="14">
        <v>487332090</v>
      </c>
      <c r="M13" s="14">
        <f>K13-L13</f>
        <v>1603000106</v>
      </c>
      <c r="N13" s="16">
        <v>1.84E-2</v>
      </c>
      <c r="O13" s="14">
        <f>ROUND(M13*N13,0.1)</f>
        <v>29495202</v>
      </c>
      <c r="P13" s="14">
        <v>0</v>
      </c>
      <c r="Q13" s="14">
        <f>J13-P13</f>
        <v>10000000</v>
      </c>
    </row>
    <row r="14" spans="1:18" ht="21.95" customHeight="1" x14ac:dyDescent="0.15">
      <c r="B14" s="54" t="s">
        <v>5</v>
      </c>
      <c r="C14" s="55"/>
      <c r="D14" s="55"/>
      <c r="E14" s="55"/>
      <c r="F14" s="55"/>
      <c r="G14" s="55"/>
      <c r="H14" s="56"/>
      <c r="I14" s="14">
        <f>SUM(I11:I13)</f>
        <v>25000000</v>
      </c>
      <c r="J14" s="14">
        <f>SUM(J11:J13)</f>
        <v>25000000</v>
      </c>
      <c r="K14" s="15"/>
      <c r="L14" s="15"/>
      <c r="M14" s="15"/>
      <c r="N14" s="15"/>
      <c r="O14" s="15"/>
      <c r="P14" s="14">
        <f>SUM(P11:P13)</f>
        <v>0</v>
      </c>
      <c r="Q14" s="14">
        <f>SUM(Q11:Q13)</f>
        <v>25000000</v>
      </c>
    </row>
  </sheetData>
  <mergeCells count="7">
    <mergeCell ref="B14:H14"/>
    <mergeCell ref="B9:H10"/>
    <mergeCell ref="A5:R6"/>
    <mergeCell ref="B13:H13"/>
    <mergeCell ref="I9:I10"/>
    <mergeCell ref="B11:H11"/>
    <mergeCell ref="B12:H12"/>
  </mergeCells>
  <phoneticPr fontId="1"/>
  <printOptions horizontalCentered="1"/>
  <pageMargins left="0.39370078740157483" right="0.39370078740157483" top="0.55118110236220474" bottom="0.43307086614173229" header="0.59055118110236227" footer="0.31496062992125984"/>
  <pageSetup paperSize="9" scale="41" fitToHeight="0" orientation="landscape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B1:N19"/>
  <sheetViews>
    <sheetView showGridLines="0" view="pageBreakPreview" zoomScale="60" zoomScaleNormal="55" workbookViewId="0">
      <selection activeCell="B8" sqref="C9:D9"/>
    </sheetView>
  </sheetViews>
  <sheetFormatPr defaultColWidth="8.875" defaultRowHeight="18.75" x14ac:dyDescent="0.15"/>
  <cols>
    <col min="1" max="1" width="2.625" style="34" customWidth="1"/>
    <col min="2" max="3" width="3.5" style="34" customWidth="1"/>
    <col min="4" max="4" width="6.5" style="34" customWidth="1"/>
    <col min="5" max="7" width="3.5" style="34" customWidth="1"/>
    <col min="8" max="8" width="21.75" style="34" customWidth="1"/>
    <col min="9" max="14" width="31.125" style="34" customWidth="1"/>
    <col min="15" max="15" width="2.625" style="34" customWidth="1"/>
    <col min="16" max="256" width="8.875" style="34"/>
    <col min="257" max="257" width="2.625" style="34" customWidth="1"/>
    <col min="258" max="259" width="3.5" style="34" customWidth="1"/>
    <col min="260" max="260" width="6.5" style="34" customWidth="1"/>
    <col min="261" max="263" width="3.5" style="34" customWidth="1"/>
    <col min="264" max="264" width="21.75" style="34" customWidth="1"/>
    <col min="265" max="270" width="31.125" style="34" customWidth="1"/>
    <col min="271" max="271" width="2.625" style="34" customWidth="1"/>
    <col min="272" max="512" width="8.875" style="34"/>
    <col min="513" max="513" width="2.625" style="34" customWidth="1"/>
    <col min="514" max="515" width="3.5" style="34" customWidth="1"/>
    <col min="516" max="516" width="6.5" style="34" customWidth="1"/>
    <col min="517" max="519" width="3.5" style="34" customWidth="1"/>
    <col min="520" max="520" width="21.75" style="34" customWidth="1"/>
    <col min="521" max="526" width="31.125" style="34" customWidth="1"/>
    <col min="527" max="527" width="2.625" style="34" customWidth="1"/>
    <col min="528" max="768" width="8.875" style="34"/>
    <col min="769" max="769" width="2.625" style="34" customWidth="1"/>
    <col min="770" max="771" width="3.5" style="34" customWidth="1"/>
    <col min="772" max="772" width="6.5" style="34" customWidth="1"/>
    <col min="773" max="775" width="3.5" style="34" customWidth="1"/>
    <col min="776" max="776" width="21.75" style="34" customWidth="1"/>
    <col min="777" max="782" width="31.125" style="34" customWidth="1"/>
    <col min="783" max="783" width="2.625" style="34" customWidth="1"/>
    <col min="784" max="1024" width="8.875" style="34"/>
    <col min="1025" max="1025" width="2.625" style="34" customWidth="1"/>
    <col min="1026" max="1027" width="3.5" style="34" customWidth="1"/>
    <col min="1028" max="1028" width="6.5" style="34" customWidth="1"/>
    <col min="1029" max="1031" width="3.5" style="34" customWidth="1"/>
    <col min="1032" max="1032" width="21.75" style="34" customWidth="1"/>
    <col min="1033" max="1038" width="31.125" style="34" customWidth="1"/>
    <col min="1039" max="1039" width="2.625" style="34" customWidth="1"/>
    <col min="1040" max="1280" width="8.875" style="34"/>
    <col min="1281" max="1281" width="2.625" style="34" customWidth="1"/>
    <col min="1282" max="1283" width="3.5" style="34" customWidth="1"/>
    <col min="1284" max="1284" width="6.5" style="34" customWidth="1"/>
    <col min="1285" max="1287" width="3.5" style="34" customWidth="1"/>
    <col min="1288" max="1288" width="21.75" style="34" customWidth="1"/>
    <col min="1289" max="1294" width="31.125" style="34" customWidth="1"/>
    <col min="1295" max="1295" width="2.625" style="34" customWidth="1"/>
    <col min="1296" max="1536" width="8.875" style="34"/>
    <col min="1537" max="1537" width="2.625" style="34" customWidth="1"/>
    <col min="1538" max="1539" width="3.5" style="34" customWidth="1"/>
    <col min="1540" max="1540" width="6.5" style="34" customWidth="1"/>
    <col min="1541" max="1543" width="3.5" style="34" customWidth="1"/>
    <col min="1544" max="1544" width="21.75" style="34" customWidth="1"/>
    <col min="1545" max="1550" width="31.125" style="34" customWidth="1"/>
    <col min="1551" max="1551" width="2.625" style="34" customWidth="1"/>
    <col min="1552" max="1792" width="8.875" style="34"/>
    <col min="1793" max="1793" width="2.625" style="34" customWidth="1"/>
    <col min="1794" max="1795" width="3.5" style="34" customWidth="1"/>
    <col min="1796" max="1796" width="6.5" style="34" customWidth="1"/>
    <col min="1797" max="1799" width="3.5" style="34" customWidth="1"/>
    <col min="1800" max="1800" width="21.75" style="34" customWidth="1"/>
    <col min="1801" max="1806" width="31.125" style="34" customWidth="1"/>
    <col min="1807" max="1807" width="2.625" style="34" customWidth="1"/>
    <col min="1808" max="2048" width="8.875" style="34"/>
    <col min="2049" max="2049" width="2.625" style="34" customWidth="1"/>
    <col min="2050" max="2051" width="3.5" style="34" customWidth="1"/>
    <col min="2052" max="2052" width="6.5" style="34" customWidth="1"/>
    <col min="2053" max="2055" width="3.5" style="34" customWidth="1"/>
    <col min="2056" max="2056" width="21.75" style="34" customWidth="1"/>
    <col min="2057" max="2062" width="31.125" style="34" customWidth="1"/>
    <col min="2063" max="2063" width="2.625" style="34" customWidth="1"/>
    <col min="2064" max="2304" width="8.875" style="34"/>
    <col min="2305" max="2305" width="2.625" style="34" customWidth="1"/>
    <col min="2306" max="2307" width="3.5" style="34" customWidth="1"/>
    <col min="2308" max="2308" width="6.5" style="34" customWidth="1"/>
    <col min="2309" max="2311" width="3.5" style="34" customWidth="1"/>
    <col min="2312" max="2312" width="21.75" style="34" customWidth="1"/>
    <col min="2313" max="2318" width="31.125" style="34" customWidth="1"/>
    <col min="2319" max="2319" width="2.625" style="34" customWidth="1"/>
    <col min="2320" max="2560" width="8.875" style="34"/>
    <col min="2561" max="2561" width="2.625" style="34" customWidth="1"/>
    <col min="2562" max="2563" width="3.5" style="34" customWidth="1"/>
    <col min="2564" max="2564" width="6.5" style="34" customWidth="1"/>
    <col min="2565" max="2567" width="3.5" style="34" customWidth="1"/>
    <col min="2568" max="2568" width="21.75" style="34" customWidth="1"/>
    <col min="2569" max="2574" width="31.125" style="34" customWidth="1"/>
    <col min="2575" max="2575" width="2.625" style="34" customWidth="1"/>
    <col min="2576" max="2816" width="8.875" style="34"/>
    <col min="2817" max="2817" width="2.625" style="34" customWidth="1"/>
    <col min="2818" max="2819" width="3.5" style="34" customWidth="1"/>
    <col min="2820" max="2820" width="6.5" style="34" customWidth="1"/>
    <col min="2821" max="2823" width="3.5" style="34" customWidth="1"/>
    <col min="2824" max="2824" width="21.75" style="34" customWidth="1"/>
    <col min="2825" max="2830" width="31.125" style="34" customWidth="1"/>
    <col min="2831" max="2831" width="2.625" style="34" customWidth="1"/>
    <col min="2832" max="3072" width="8.875" style="34"/>
    <col min="3073" max="3073" width="2.625" style="34" customWidth="1"/>
    <col min="3074" max="3075" width="3.5" style="34" customWidth="1"/>
    <col min="3076" max="3076" width="6.5" style="34" customWidth="1"/>
    <col min="3077" max="3079" width="3.5" style="34" customWidth="1"/>
    <col min="3080" max="3080" width="21.75" style="34" customWidth="1"/>
    <col min="3081" max="3086" width="31.125" style="34" customWidth="1"/>
    <col min="3087" max="3087" width="2.625" style="34" customWidth="1"/>
    <col min="3088" max="3328" width="8.875" style="34"/>
    <col min="3329" max="3329" width="2.625" style="34" customWidth="1"/>
    <col min="3330" max="3331" width="3.5" style="34" customWidth="1"/>
    <col min="3332" max="3332" width="6.5" style="34" customWidth="1"/>
    <col min="3333" max="3335" width="3.5" style="34" customWidth="1"/>
    <col min="3336" max="3336" width="21.75" style="34" customWidth="1"/>
    <col min="3337" max="3342" width="31.125" style="34" customWidth="1"/>
    <col min="3343" max="3343" width="2.625" style="34" customWidth="1"/>
    <col min="3344" max="3584" width="8.875" style="34"/>
    <col min="3585" max="3585" width="2.625" style="34" customWidth="1"/>
    <col min="3586" max="3587" width="3.5" style="34" customWidth="1"/>
    <col min="3588" max="3588" width="6.5" style="34" customWidth="1"/>
    <col min="3589" max="3591" width="3.5" style="34" customWidth="1"/>
    <col min="3592" max="3592" width="21.75" style="34" customWidth="1"/>
    <col min="3593" max="3598" width="31.125" style="34" customWidth="1"/>
    <col min="3599" max="3599" width="2.625" style="34" customWidth="1"/>
    <col min="3600" max="3840" width="8.875" style="34"/>
    <col min="3841" max="3841" width="2.625" style="34" customWidth="1"/>
    <col min="3842" max="3843" width="3.5" style="34" customWidth="1"/>
    <col min="3844" max="3844" width="6.5" style="34" customWidth="1"/>
    <col min="3845" max="3847" width="3.5" style="34" customWidth="1"/>
    <col min="3848" max="3848" width="21.75" style="34" customWidth="1"/>
    <col min="3849" max="3854" width="31.125" style="34" customWidth="1"/>
    <col min="3855" max="3855" width="2.625" style="34" customWidth="1"/>
    <col min="3856" max="4096" width="8.875" style="34"/>
    <col min="4097" max="4097" width="2.625" style="34" customWidth="1"/>
    <col min="4098" max="4099" width="3.5" style="34" customWidth="1"/>
    <col min="4100" max="4100" width="6.5" style="34" customWidth="1"/>
    <col min="4101" max="4103" width="3.5" style="34" customWidth="1"/>
    <col min="4104" max="4104" width="21.75" style="34" customWidth="1"/>
    <col min="4105" max="4110" width="31.125" style="34" customWidth="1"/>
    <col min="4111" max="4111" width="2.625" style="34" customWidth="1"/>
    <col min="4112" max="4352" width="8.875" style="34"/>
    <col min="4353" max="4353" width="2.625" style="34" customWidth="1"/>
    <col min="4354" max="4355" width="3.5" style="34" customWidth="1"/>
    <col min="4356" max="4356" width="6.5" style="34" customWidth="1"/>
    <col min="4357" max="4359" width="3.5" style="34" customWidth="1"/>
    <col min="4360" max="4360" width="21.75" style="34" customWidth="1"/>
    <col min="4361" max="4366" width="31.125" style="34" customWidth="1"/>
    <col min="4367" max="4367" width="2.625" style="34" customWidth="1"/>
    <col min="4368" max="4608" width="8.875" style="34"/>
    <col min="4609" max="4609" width="2.625" style="34" customWidth="1"/>
    <col min="4610" max="4611" width="3.5" style="34" customWidth="1"/>
    <col min="4612" max="4612" width="6.5" style="34" customWidth="1"/>
    <col min="4613" max="4615" width="3.5" style="34" customWidth="1"/>
    <col min="4616" max="4616" width="21.75" style="34" customWidth="1"/>
    <col min="4617" max="4622" width="31.125" style="34" customWidth="1"/>
    <col min="4623" max="4623" width="2.625" style="34" customWidth="1"/>
    <col min="4624" max="4864" width="8.875" style="34"/>
    <col min="4865" max="4865" width="2.625" style="34" customWidth="1"/>
    <col min="4866" max="4867" width="3.5" style="34" customWidth="1"/>
    <col min="4868" max="4868" width="6.5" style="34" customWidth="1"/>
    <col min="4869" max="4871" width="3.5" style="34" customWidth="1"/>
    <col min="4872" max="4872" width="21.75" style="34" customWidth="1"/>
    <col min="4873" max="4878" width="31.125" style="34" customWidth="1"/>
    <col min="4879" max="4879" width="2.625" style="34" customWidth="1"/>
    <col min="4880" max="5120" width="8.875" style="34"/>
    <col min="5121" max="5121" width="2.625" style="34" customWidth="1"/>
    <col min="5122" max="5123" width="3.5" style="34" customWidth="1"/>
    <col min="5124" max="5124" width="6.5" style="34" customWidth="1"/>
    <col min="5125" max="5127" width="3.5" style="34" customWidth="1"/>
    <col min="5128" max="5128" width="21.75" style="34" customWidth="1"/>
    <col min="5129" max="5134" width="31.125" style="34" customWidth="1"/>
    <col min="5135" max="5135" width="2.625" style="34" customWidth="1"/>
    <col min="5136" max="5376" width="8.875" style="34"/>
    <col min="5377" max="5377" width="2.625" style="34" customWidth="1"/>
    <col min="5378" max="5379" width="3.5" style="34" customWidth="1"/>
    <col min="5380" max="5380" width="6.5" style="34" customWidth="1"/>
    <col min="5381" max="5383" width="3.5" style="34" customWidth="1"/>
    <col min="5384" max="5384" width="21.75" style="34" customWidth="1"/>
    <col min="5385" max="5390" width="31.125" style="34" customWidth="1"/>
    <col min="5391" max="5391" width="2.625" style="34" customWidth="1"/>
    <col min="5392" max="5632" width="8.875" style="34"/>
    <col min="5633" max="5633" width="2.625" style="34" customWidth="1"/>
    <col min="5634" max="5635" width="3.5" style="34" customWidth="1"/>
    <col min="5636" max="5636" width="6.5" style="34" customWidth="1"/>
    <col min="5637" max="5639" width="3.5" style="34" customWidth="1"/>
    <col min="5640" max="5640" width="21.75" style="34" customWidth="1"/>
    <col min="5641" max="5646" width="31.125" style="34" customWidth="1"/>
    <col min="5647" max="5647" width="2.625" style="34" customWidth="1"/>
    <col min="5648" max="5888" width="8.875" style="34"/>
    <col min="5889" max="5889" width="2.625" style="34" customWidth="1"/>
    <col min="5890" max="5891" width="3.5" style="34" customWidth="1"/>
    <col min="5892" max="5892" width="6.5" style="34" customWidth="1"/>
    <col min="5893" max="5895" width="3.5" style="34" customWidth="1"/>
    <col min="5896" max="5896" width="21.75" style="34" customWidth="1"/>
    <col min="5897" max="5902" width="31.125" style="34" customWidth="1"/>
    <col min="5903" max="5903" width="2.625" style="34" customWidth="1"/>
    <col min="5904" max="6144" width="8.875" style="34"/>
    <col min="6145" max="6145" width="2.625" style="34" customWidth="1"/>
    <col min="6146" max="6147" width="3.5" style="34" customWidth="1"/>
    <col min="6148" max="6148" width="6.5" style="34" customWidth="1"/>
    <col min="6149" max="6151" width="3.5" style="34" customWidth="1"/>
    <col min="6152" max="6152" width="21.75" style="34" customWidth="1"/>
    <col min="6153" max="6158" width="31.125" style="34" customWidth="1"/>
    <col min="6159" max="6159" width="2.625" style="34" customWidth="1"/>
    <col min="6160" max="6400" width="8.875" style="34"/>
    <col min="6401" max="6401" width="2.625" style="34" customWidth="1"/>
    <col min="6402" max="6403" width="3.5" style="34" customWidth="1"/>
    <col min="6404" max="6404" width="6.5" style="34" customWidth="1"/>
    <col min="6405" max="6407" width="3.5" style="34" customWidth="1"/>
    <col min="6408" max="6408" width="21.75" style="34" customWidth="1"/>
    <col min="6409" max="6414" width="31.125" style="34" customWidth="1"/>
    <col min="6415" max="6415" width="2.625" style="34" customWidth="1"/>
    <col min="6416" max="6656" width="8.875" style="34"/>
    <col min="6657" max="6657" width="2.625" style="34" customWidth="1"/>
    <col min="6658" max="6659" width="3.5" style="34" customWidth="1"/>
    <col min="6660" max="6660" width="6.5" style="34" customWidth="1"/>
    <col min="6661" max="6663" width="3.5" style="34" customWidth="1"/>
    <col min="6664" max="6664" width="21.75" style="34" customWidth="1"/>
    <col min="6665" max="6670" width="31.125" style="34" customWidth="1"/>
    <col min="6671" max="6671" width="2.625" style="34" customWidth="1"/>
    <col min="6672" max="6912" width="8.875" style="34"/>
    <col min="6913" max="6913" width="2.625" style="34" customWidth="1"/>
    <col min="6914" max="6915" width="3.5" style="34" customWidth="1"/>
    <col min="6916" max="6916" width="6.5" style="34" customWidth="1"/>
    <col min="6917" max="6919" width="3.5" style="34" customWidth="1"/>
    <col min="6920" max="6920" width="21.75" style="34" customWidth="1"/>
    <col min="6921" max="6926" width="31.125" style="34" customWidth="1"/>
    <col min="6927" max="6927" width="2.625" style="34" customWidth="1"/>
    <col min="6928" max="7168" width="8.875" style="34"/>
    <col min="7169" max="7169" width="2.625" style="34" customWidth="1"/>
    <col min="7170" max="7171" width="3.5" style="34" customWidth="1"/>
    <col min="7172" max="7172" width="6.5" style="34" customWidth="1"/>
    <col min="7173" max="7175" width="3.5" style="34" customWidth="1"/>
    <col min="7176" max="7176" width="21.75" style="34" customWidth="1"/>
    <col min="7177" max="7182" width="31.125" style="34" customWidth="1"/>
    <col min="7183" max="7183" width="2.625" style="34" customWidth="1"/>
    <col min="7184" max="7424" width="8.875" style="34"/>
    <col min="7425" max="7425" width="2.625" style="34" customWidth="1"/>
    <col min="7426" max="7427" width="3.5" style="34" customWidth="1"/>
    <col min="7428" max="7428" width="6.5" style="34" customWidth="1"/>
    <col min="7429" max="7431" width="3.5" style="34" customWidth="1"/>
    <col min="7432" max="7432" width="21.75" style="34" customWidth="1"/>
    <col min="7433" max="7438" width="31.125" style="34" customWidth="1"/>
    <col min="7439" max="7439" width="2.625" style="34" customWidth="1"/>
    <col min="7440" max="7680" width="8.875" style="34"/>
    <col min="7681" max="7681" width="2.625" style="34" customWidth="1"/>
    <col min="7682" max="7683" width="3.5" style="34" customWidth="1"/>
    <col min="7684" max="7684" width="6.5" style="34" customWidth="1"/>
    <col min="7685" max="7687" width="3.5" style="34" customWidth="1"/>
    <col min="7688" max="7688" width="21.75" style="34" customWidth="1"/>
    <col min="7689" max="7694" width="31.125" style="34" customWidth="1"/>
    <col min="7695" max="7695" width="2.625" style="34" customWidth="1"/>
    <col min="7696" max="7936" width="8.875" style="34"/>
    <col min="7937" max="7937" width="2.625" style="34" customWidth="1"/>
    <col min="7938" max="7939" width="3.5" style="34" customWidth="1"/>
    <col min="7940" max="7940" width="6.5" style="34" customWidth="1"/>
    <col min="7941" max="7943" width="3.5" style="34" customWidth="1"/>
    <col min="7944" max="7944" width="21.75" style="34" customWidth="1"/>
    <col min="7945" max="7950" width="31.125" style="34" customWidth="1"/>
    <col min="7951" max="7951" width="2.625" style="34" customWidth="1"/>
    <col min="7952" max="8192" width="8.875" style="34"/>
    <col min="8193" max="8193" width="2.625" style="34" customWidth="1"/>
    <col min="8194" max="8195" width="3.5" style="34" customWidth="1"/>
    <col min="8196" max="8196" width="6.5" style="34" customWidth="1"/>
    <col min="8197" max="8199" width="3.5" style="34" customWidth="1"/>
    <col min="8200" max="8200" width="21.75" style="34" customWidth="1"/>
    <col min="8201" max="8206" width="31.125" style="34" customWidth="1"/>
    <col min="8207" max="8207" width="2.625" style="34" customWidth="1"/>
    <col min="8208" max="8448" width="8.875" style="34"/>
    <col min="8449" max="8449" width="2.625" style="34" customWidth="1"/>
    <col min="8450" max="8451" width="3.5" style="34" customWidth="1"/>
    <col min="8452" max="8452" width="6.5" style="34" customWidth="1"/>
    <col min="8453" max="8455" width="3.5" style="34" customWidth="1"/>
    <col min="8456" max="8456" width="21.75" style="34" customWidth="1"/>
    <col min="8457" max="8462" width="31.125" style="34" customWidth="1"/>
    <col min="8463" max="8463" width="2.625" style="34" customWidth="1"/>
    <col min="8464" max="8704" width="8.875" style="34"/>
    <col min="8705" max="8705" width="2.625" style="34" customWidth="1"/>
    <col min="8706" max="8707" width="3.5" style="34" customWidth="1"/>
    <col min="8708" max="8708" width="6.5" style="34" customWidth="1"/>
    <col min="8709" max="8711" width="3.5" style="34" customWidth="1"/>
    <col min="8712" max="8712" width="21.75" style="34" customWidth="1"/>
    <col min="8713" max="8718" width="31.125" style="34" customWidth="1"/>
    <col min="8719" max="8719" width="2.625" style="34" customWidth="1"/>
    <col min="8720" max="8960" width="8.875" style="34"/>
    <col min="8961" max="8961" width="2.625" style="34" customWidth="1"/>
    <col min="8962" max="8963" width="3.5" style="34" customWidth="1"/>
    <col min="8964" max="8964" width="6.5" style="34" customWidth="1"/>
    <col min="8965" max="8967" width="3.5" style="34" customWidth="1"/>
    <col min="8968" max="8968" width="21.75" style="34" customWidth="1"/>
    <col min="8969" max="8974" width="31.125" style="34" customWidth="1"/>
    <col min="8975" max="8975" width="2.625" style="34" customWidth="1"/>
    <col min="8976" max="9216" width="8.875" style="34"/>
    <col min="9217" max="9217" width="2.625" style="34" customWidth="1"/>
    <col min="9218" max="9219" width="3.5" style="34" customWidth="1"/>
    <col min="9220" max="9220" width="6.5" style="34" customWidth="1"/>
    <col min="9221" max="9223" width="3.5" style="34" customWidth="1"/>
    <col min="9224" max="9224" width="21.75" style="34" customWidth="1"/>
    <col min="9225" max="9230" width="31.125" style="34" customWidth="1"/>
    <col min="9231" max="9231" width="2.625" style="34" customWidth="1"/>
    <col min="9232" max="9472" width="8.875" style="34"/>
    <col min="9473" max="9473" width="2.625" style="34" customWidth="1"/>
    <col min="9474" max="9475" width="3.5" style="34" customWidth="1"/>
    <col min="9476" max="9476" width="6.5" style="34" customWidth="1"/>
    <col min="9477" max="9479" width="3.5" style="34" customWidth="1"/>
    <col min="9480" max="9480" width="21.75" style="34" customWidth="1"/>
    <col min="9481" max="9486" width="31.125" style="34" customWidth="1"/>
    <col min="9487" max="9487" width="2.625" style="34" customWidth="1"/>
    <col min="9488" max="9728" width="8.875" style="34"/>
    <col min="9729" max="9729" width="2.625" style="34" customWidth="1"/>
    <col min="9730" max="9731" width="3.5" style="34" customWidth="1"/>
    <col min="9732" max="9732" width="6.5" style="34" customWidth="1"/>
    <col min="9733" max="9735" width="3.5" style="34" customWidth="1"/>
    <col min="9736" max="9736" width="21.75" style="34" customWidth="1"/>
    <col min="9737" max="9742" width="31.125" style="34" customWidth="1"/>
    <col min="9743" max="9743" width="2.625" style="34" customWidth="1"/>
    <col min="9744" max="9984" width="8.875" style="34"/>
    <col min="9985" max="9985" width="2.625" style="34" customWidth="1"/>
    <col min="9986" max="9987" width="3.5" style="34" customWidth="1"/>
    <col min="9988" max="9988" width="6.5" style="34" customWidth="1"/>
    <col min="9989" max="9991" width="3.5" style="34" customWidth="1"/>
    <col min="9992" max="9992" width="21.75" style="34" customWidth="1"/>
    <col min="9993" max="9998" width="31.125" style="34" customWidth="1"/>
    <col min="9999" max="9999" width="2.625" style="34" customWidth="1"/>
    <col min="10000" max="10240" width="8.875" style="34"/>
    <col min="10241" max="10241" width="2.625" style="34" customWidth="1"/>
    <col min="10242" max="10243" width="3.5" style="34" customWidth="1"/>
    <col min="10244" max="10244" width="6.5" style="34" customWidth="1"/>
    <col min="10245" max="10247" width="3.5" style="34" customWidth="1"/>
    <col min="10248" max="10248" width="21.75" style="34" customWidth="1"/>
    <col min="10249" max="10254" width="31.125" style="34" customWidth="1"/>
    <col min="10255" max="10255" width="2.625" style="34" customWidth="1"/>
    <col min="10256" max="10496" width="8.875" style="34"/>
    <col min="10497" max="10497" width="2.625" style="34" customWidth="1"/>
    <col min="10498" max="10499" width="3.5" style="34" customWidth="1"/>
    <col min="10500" max="10500" width="6.5" style="34" customWidth="1"/>
    <col min="10501" max="10503" width="3.5" style="34" customWidth="1"/>
    <col min="10504" max="10504" width="21.75" style="34" customWidth="1"/>
    <col min="10505" max="10510" width="31.125" style="34" customWidth="1"/>
    <col min="10511" max="10511" width="2.625" style="34" customWidth="1"/>
    <col min="10512" max="10752" width="8.875" style="34"/>
    <col min="10753" max="10753" width="2.625" style="34" customWidth="1"/>
    <col min="10754" max="10755" width="3.5" style="34" customWidth="1"/>
    <col min="10756" max="10756" width="6.5" style="34" customWidth="1"/>
    <col min="10757" max="10759" width="3.5" style="34" customWidth="1"/>
    <col min="10760" max="10760" width="21.75" style="34" customWidth="1"/>
    <col min="10761" max="10766" width="31.125" style="34" customWidth="1"/>
    <col min="10767" max="10767" width="2.625" style="34" customWidth="1"/>
    <col min="10768" max="11008" width="8.875" style="34"/>
    <col min="11009" max="11009" width="2.625" style="34" customWidth="1"/>
    <col min="11010" max="11011" width="3.5" style="34" customWidth="1"/>
    <col min="11012" max="11012" width="6.5" style="34" customWidth="1"/>
    <col min="11013" max="11015" width="3.5" style="34" customWidth="1"/>
    <col min="11016" max="11016" width="21.75" style="34" customWidth="1"/>
    <col min="11017" max="11022" width="31.125" style="34" customWidth="1"/>
    <col min="11023" max="11023" width="2.625" style="34" customWidth="1"/>
    <col min="11024" max="11264" width="8.875" style="34"/>
    <col min="11265" max="11265" width="2.625" style="34" customWidth="1"/>
    <col min="11266" max="11267" width="3.5" style="34" customWidth="1"/>
    <col min="11268" max="11268" width="6.5" style="34" customWidth="1"/>
    <col min="11269" max="11271" width="3.5" style="34" customWidth="1"/>
    <col min="11272" max="11272" width="21.75" style="34" customWidth="1"/>
    <col min="11273" max="11278" width="31.125" style="34" customWidth="1"/>
    <col min="11279" max="11279" width="2.625" style="34" customWidth="1"/>
    <col min="11280" max="11520" width="8.875" style="34"/>
    <col min="11521" max="11521" width="2.625" style="34" customWidth="1"/>
    <col min="11522" max="11523" width="3.5" style="34" customWidth="1"/>
    <col min="11524" max="11524" width="6.5" style="34" customWidth="1"/>
    <col min="11525" max="11527" width="3.5" style="34" customWidth="1"/>
    <col min="11528" max="11528" width="21.75" style="34" customWidth="1"/>
    <col min="11529" max="11534" width="31.125" style="34" customWidth="1"/>
    <col min="11535" max="11535" width="2.625" style="34" customWidth="1"/>
    <col min="11536" max="11776" width="8.875" style="34"/>
    <col min="11777" max="11777" width="2.625" style="34" customWidth="1"/>
    <col min="11778" max="11779" width="3.5" style="34" customWidth="1"/>
    <col min="11780" max="11780" width="6.5" style="34" customWidth="1"/>
    <col min="11781" max="11783" width="3.5" style="34" customWidth="1"/>
    <col min="11784" max="11784" width="21.75" style="34" customWidth="1"/>
    <col min="11785" max="11790" width="31.125" style="34" customWidth="1"/>
    <col min="11791" max="11791" width="2.625" style="34" customWidth="1"/>
    <col min="11792" max="12032" width="8.875" style="34"/>
    <col min="12033" max="12033" width="2.625" style="34" customWidth="1"/>
    <col min="12034" max="12035" width="3.5" style="34" customWidth="1"/>
    <col min="12036" max="12036" width="6.5" style="34" customWidth="1"/>
    <col min="12037" max="12039" width="3.5" style="34" customWidth="1"/>
    <col min="12040" max="12040" width="21.75" style="34" customWidth="1"/>
    <col min="12041" max="12046" width="31.125" style="34" customWidth="1"/>
    <col min="12047" max="12047" width="2.625" style="34" customWidth="1"/>
    <col min="12048" max="12288" width="8.875" style="34"/>
    <col min="12289" max="12289" width="2.625" style="34" customWidth="1"/>
    <col min="12290" max="12291" width="3.5" style="34" customWidth="1"/>
    <col min="12292" max="12292" width="6.5" style="34" customWidth="1"/>
    <col min="12293" max="12295" width="3.5" style="34" customWidth="1"/>
    <col min="12296" max="12296" width="21.75" style="34" customWidth="1"/>
    <col min="12297" max="12302" width="31.125" style="34" customWidth="1"/>
    <col min="12303" max="12303" width="2.625" style="34" customWidth="1"/>
    <col min="12304" max="12544" width="8.875" style="34"/>
    <col min="12545" max="12545" width="2.625" style="34" customWidth="1"/>
    <col min="12546" max="12547" width="3.5" style="34" customWidth="1"/>
    <col min="12548" max="12548" width="6.5" style="34" customWidth="1"/>
    <col min="12549" max="12551" width="3.5" style="34" customWidth="1"/>
    <col min="12552" max="12552" width="21.75" style="34" customWidth="1"/>
    <col min="12553" max="12558" width="31.125" style="34" customWidth="1"/>
    <col min="12559" max="12559" width="2.625" style="34" customWidth="1"/>
    <col min="12560" max="12800" width="8.875" style="34"/>
    <col min="12801" max="12801" width="2.625" style="34" customWidth="1"/>
    <col min="12802" max="12803" width="3.5" style="34" customWidth="1"/>
    <col min="12804" max="12804" width="6.5" style="34" customWidth="1"/>
    <col min="12805" max="12807" width="3.5" style="34" customWidth="1"/>
    <col min="12808" max="12808" width="21.75" style="34" customWidth="1"/>
    <col min="12809" max="12814" width="31.125" style="34" customWidth="1"/>
    <col min="12815" max="12815" width="2.625" style="34" customWidth="1"/>
    <col min="12816" max="13056" width="8.875" style="34"/>
    <col min="13057" max="13057" width="2.625" style="34" customWidth="1"/>
    <col min="13058" max="13059" width="3.5" style="34" customWidth="1"/>
    <col min="13060" max="13060" width="6.5" style="34" customWidth="1"/>
    <col min="13061" max="13063" width="3.5" style="34" customWidth="1"/>
    <col min="13064" max="13064" width="21.75" style="34" customWidth="1"/>
    <col min="13065" max="13070" width="31.125" style="34" customWidth="1"/>
    <col min="13071" max="13071" width="2.625" style="34" customWidth="1"/>
    <col min="13072" max="13312" width="8.875" style="34"/>
    <col min="13313" max="13313" width="2.625" style="34" customWidth="1"/>
    <col min="13314" max="13315" width="3.5" style="34" customWidth="1"/>
    <col min="13316" max="13316" width="6.5" style="34" customWidth="1"/>
    <col min="13317" max="13319" width="3.5" style="34" customWidth="1"/>
    <col min="13320" max="13320" width="21.75" style="34" customWidth="1"/>
    <col min="13321" max="13326" width="31.125" style="34" customWidth="1"/>
    <col min="13327" max="13327" width="2.625" style="34" customWidth="1"/>
    <col min="13328" max="13568" width="8.875" style="34"/>
    <col min="13569" max="13569" width="2.625" style="34" customWidth="1"/>
    <col min="13570" max="13571" width="3.5" style="34" customWidth="1"/>
    <col min="13572" max="13572" width="6.5" style="34" customWidth="1"/>
    <col min="13573" max="13575" width="3.5" style="34" customWidth="1"/>
    <col min="13576" max="13576" width="21.75" style="34" customWidth="1"/>
    <col min="13577" max="13582" width="31.125" style="34" customWidth="1"/>
    <col min="13583" max="13583" width="2.625" style="34" customWidth="1"/>
    <col min="13584" max="13824" width="8.875" style="34"/>
    <col min="13825" max="13825" width="2.625" style="34" customWidth="1"/>
    <col min="13826" max="13827" width="3.5" style="34" customWidth="1"/>
    <col min="13828" max="13828" width="6.5" style="34" customWidth="1"/>
    <col min="13829" max="13831" width="3.5" style="34" customWidth="1"/>
    <col min="13832" max="13832" width="21.75" style="34" customWidth="1"/>
    <col min="13833" max="13838" width="31.125" style="34" customWidth="1"/>
    <col min="13839" max="13839" width="2.625" style="34" customWidth="1"/>
    <col min="13840" max="14080" width="8.875" style="34"/>
    <col min="14081" max="14081" width="2.625" style="34" customWidth="1"/>
    <col min="14082" max="14083" width="3.5" style="34" customWidth="1"/>
    <col min="14084" max="14084" width="6.5" style="34" customWidth="1"/>
    <col min="14085" max="14087" width="3.5" style="34" customWidth="1"/>
    <col min="14088" max="14088" width="21.75" style="34" customWidth="1"/>
    <col min="14089" max="14094" width="31.125" style="34" customWidth="1"/>
    <col min="14095" max="14095" width="2.625" style="34" customWidth="1"/>
    <col min="14096" max="14336" width="8.875" style="34"/>
    <col min="14337" max="14337" width="2.625" style="34" customWidth="1"/>
    <col min="14338" max="14339" width="3.5" style="34" customWidth="1"/>
    <col min="14340" max="14340" width="6.5" style="34" customWidth="1"/>
    <col min="14341" max="14343" width="3.5" style="34" customWidth="1"/>
    <col min="14344" max="14344" width="21.75" style="34" customWidth="1"/>
    <col min="14345" max="14350" width="31.125" style="34" customWidth="1"/>
    <col min="14351" max="14351" width="2.625" style="34" customWidth="1"/>
    <col min="14352" max="14592" width="8.875" style="34"/>
    <col min="14593" max="14593" width="2.625" style="34" customWidth="1"/>
    <col min="14594" max="14595" width="3.5" style="34" customWidth="1"/>
    <col min="14596" max="14596" width="6.5" style="34" customWidth="1"/>
    <col min="14597" max="14599" width="3.5" style="34" customWidth="1"/>
    <col min="14600" max="14600" width="21.75" style="34" customWidth="1"/>
    <col min="14601" max="14606" width="31.125" style="34" customWidth="1"/>
    <col min="14607" max="14607" width="2.625" style="34" customWidth="1"/>
    <col min="14608" max="14848" width="8.875" style="34"/>
    <col min="14849" max="14849" width="2.625" style="34" customWidth="1"/>
    <col min="14850" max="14851" width="3.5" style="34" customWidth="1"/>
    <col min="14852" max="14852" width="6.5" style="34" customWidth="1"/>
    <col min="14853" max="14855" width="3.5" style="34" customWidth="1"/>
    <col min="14856" max="14856" width="21.75" style="34" customWidth="1"/>
    <col min="14857" max="14862" width="31.125" style="34" customWidth="1"/>
    <col min="14863" max="14863" width="2.625" style="34" customWidth="1"/>
    <col min="14864" max="15104" width="8.875" style="34"/>
    <col min="15105" max="15105" width="2.625" style="34" customWidth="1"/>
    <col min="15106" max="15107" width="3.5" style="34" customWidth="1"/>
    <col min="15108" max="15108" width="6.5" style="34" customWidth="1"/>
    <col min="15109" max="15111" width="3.5" style="34" customWidth="1"/>
    <col min="15112" max="15112" width="21.75" style="34" customWidth="1"/>
    <col min="15113" max="15118" width="31.125" style="34" customWidth="1"/>
    <col min="15119" max="15119" width="2.625" style="34" customWidth="1"/>
    <col min="15120" max="15360" width="8.875" style="34"/>
    <col min="15361" max="15361" width="2.625" style="34" customWidth="1"/>
    <col min="15362" max="15363" width="3.5" style="34" customWidth="1"/>
    <col min="15364" max="15364" width="6.5" style="34" customWidth="1"/>
    <col min="15365" max="15367" width="3.5" style="34" customWidth="1"/>
    <col min="15368" max="15368" width="21.75" style="34" customWidth="1"/>
    <col min="15369" max="15374" width="31.125" style="34" customWidth="1"/>
    <col min="15375" max="15375" width="2.625" style="34" customWidth="1"/>
    <col min="15376" max="15616" width="8.875" style="34"/>
    <col min="15617" max="15617" width="2.625" style="34" customWidth="1"/>
    <col min="15618" max="15619" width="3.5" style="34" customWidth="1"/>
    <col min="15620" max="15620" width="6.5" style="34" customWidth="1"/>
    <col min="15621" max="15623" width="3.5" style="34" customWidth="1"/>
    <col min="15624" max="15624" width="21.75" style="34" customWidth="1"/>
    <col min="15625" max="15630" width="31.125" style="34" customWidth="1"/>
    <col min="15631" max="15631" width="2.625" style="34" customWidth="1"/>
    <col min="15632" max="15872" width="8.875" style="34"/>
    <col min="15873" max="15873" width="2.625" style="34" customWidth="1"/>
    <col min="15874" max="15875" width="3.5" style="34" customWidth="1"/>
    <col min="15876" max="15876" width="6.5" style="34" customWidth="1"/>
    <col min="15877" max="15879" width="3.5" style="34" customWidth="1"/>
    <col min="15880" max="15880" width="21.75" style="34" customWidth="1"/>
    <col min="15881" max="15886" width="31.125" style="34" customWidth="1"/>
    <col min="15887" max="15887" width="2.625" style="34" customWidth="1"/>
    <col min="15888" max="16128" width="8.875" style="34"/>
    <col min="16129" max="16129" width="2.625" style="34" customWidth="1"/>
    <col min="16130" max="16131" width="3.5" style="34" customWidth="1"/>
    <col min="16132" max="16132" width="6.5" style="34" customWidth="1"/>
    <col min="16133" max="16135" width="3.5" style="34" customWidth="1"/>
    <col min="16136" max="16136" width="21.75" style="34" customWidth="1"/>
    <col min="16137" max="16142" width="31.125" style="34" customWidth="1"/>
    <col min="16143" max="16143" width="2.625" style="34" customWidth="1"/>
    <col min="16144" max="16384" width="8.875" style="34"/>
  </cols>
  <sheetData>
    <row r="1" spans="2:14" s="13" customFormat="1" ht="22.5" customHeight="1" x14ac:dyDescent="0.15">
      <c r="B1" s="22" t="s">
        <v>31</v>
      </c>
    </row>
    <row r="2" spans="2:14" s="13" customFormat="1" ht="22.5" customHeight="1" x14ac:dyDescent="0.15">
      <c r="B2" s="22" t="s">
        <v>32</v>
      </c>
    </row>
    <row r="3" spans="2:14" s="13" customFormat="1" ht="22.5" customHeight="1" x14ac:dyDescent="0.15">
      <c r="B3" s="22" t="s">
        <v>33</v>
      </c>
    </row>
    <row r="5" spans="2:14" x14ac:dyDescent="0.15">
      <c r="B5" s="65" t="s">
        <v>68</v>
      </c>
      <c r="C5" s="66"/>
      <c r="D5" s="66"/>
      <c r="E5" s="66"/>
      <c r="F5" s="66"/>
      <c r="G5" s="66"/>
      <c r="H5" s="66"/>
      <c r="I5" s="66"/>
      <c r="J5" s="66"/>
      <c r="K5" s="66"/>
      <c r="L5" s="66"/>
      <c r="M5" s="66"/>
      <c r="N5" s="66"/>
    </row>
    <row r="6" spans="2:14" x14ac:dyDescent="0.15">
      <c r="B6" s="66"/>
      <c r="C6" s="66"/>
      <c r="D6" s="66"/>
      <c r="E6" s="66"/>
      <c r="F6" s="66"/>
      <c r="G6" s="66"/>
      <c r="H6" s="66"/>
      <c r="I6" s="66"/>
      <c r="J6" s="66"/>
      <c r="K6" s="66"/>
      <c r="L6" s="66"/>
      <c r="M6" s="66"/>
      <c r="N6" s="66"/>
    </row>
    <row r="7" spans="2:14" x14ac:dyDescent="0.15">
      <c r="B7" s="67"/>
      <c r="C7" s="67"/>
      <c r="D7" s="67"/>
      <c r="F7" s="35"/>
      <c r="N7" s="36" t="s">
        <v>35</v>
      </c>
    </row>
    <row r="8" spans="2:14" ht="20.100000000000001" customHeight="1" x14ac:dyDescent="0.15">
      <c r="B8" s="68" t="s">
        <v>69</v>
      </c>
      <c r="C8" s="69"/>
      <c r="D8" s="69"/>
      <c r="E8" s="69"/>
      <c r="F8" s="69"/>
      <c r="G8" s="69"/>
      <c r="H8" s="70"/>
      <c r="I8" s="74" t="s">
        <v>37</v>
      </c>
      <c r="J8" s="74" t="s">
        <v>38</v>
      </c>
      <c r="K8" s="76" t="s">
        <v>39</v>
      </c>
      <c r="L8" s="77"/>
      <c r="M8" s="78"/>
      <c r="N8" s="79" t="s">
        <v>70</v>
      </c>
    </row>
    <row r="9" spans="2:14" ht="20.100000000000001" customHeight="1" x14ac:dyDescent="0.15">
      <c r="B9" s="71"/>
      <c r="C9" s="72"/>
      <c r="D9" s="72"/>
      <c r="E9" s="72"/>
      <c r="F9" s="72"/>
      <c r="G9" s="72"/>
      <c r="H9" s="73"/>
      <c r="I9" s="75"/>
      <c r="J9" s="75"/>
      <c r="K9" s="37" t="s">
        <v>71</v>
      </c>
      <c r="L9" s="37" t="s">
        <v>72</v>
      </c>
      <c r="M9" s="37" t="s">
        <v>73</v>
      </c>
      <c r="N9" s="80"/>
    </row>
    <row r="10" spans="2:14" ht="31.7" customHeight="1" x14ac:dyDescent="0.15">
      <c r="B10" s="81" t="s">
        <v>74</v>
      </c>
      <c r="C10" s="81"/>
      <c r="D10" s="81"/>
      <c r="E10" s="81"/>
      <c r="F10" s="81"/>
      <c r="G10" s="81"/>
      <c r="H10" s="81"/>
      <c r="I10" s="38">
        <v>2604657</v>
      </c>
      <c r="J10" s="38">
        <v>0</v>
      </c>
      <c r="K10" s="38">
        <v>0</v>
      </c>
      <c r="L10" s="38">
        <v>0</v>
      </c>
      <c r="M10" s="38">
        <v>0</v>
      </c>
      <c r="N10" s="38">
        <v>2604657</v>
      </c>
    </row>
    <row r="11" spans="2:14" ht="31.7" customHeight="1" x14ac:dyDescent="0.15">
      <c r="B11" s="81" t="s">
        <v>75</v>
      </c>
      <c r="C11" s="81"/>
      <c r="D11" s="81"/>
      <c r="E11" s="81"/>
      <c r="F11" s="81"/>
      <c r="G11" s="81"/>
      <c r="H11" s="81"/>
      <c r="I11" s="38">
        <v>0</v>
      </c>
      <c r="J11" s="38">
        <v>0</v>
      </c>
      <c r="K11" s="38">
        <v>0</v>
      </c>
      <c r="L11" s="38">
        <v>0</v>
      </c>
      <c r="M11" s="38">
        <v>0</v>
      </c>
      <c r="N11" s="38">
        <v>0</v>
      </c>
    </row>
    <row r="12" spans="2:14" ht="31.7" customHeight="1" x14ac:dyDescent="0.15">
      <c r="B12" s="81" t="s">
        <v>76</v>
      </c>
      <c r="C12" s="81"/>
      <c r="D12" s="81"/>
      <c r="E12" s="81"/>
      <c r="F12" s="81"/>
      <c r="G12" s="81"/>
      <c r="H12" s="81"/>
      <c r="I12" s="38">
        <v>0</v>
      </c>
      <c r="J12" s="38">
        <v>0</v>
      </c>
      <c r="K12" s="38">
        <v>0</v>
      </c>
      <c r="L12" s="38">
        <v>0</v>
      </c>
      <c r="M12" s="38">
        <v>0</v>
      </c>
      <c r="N12" s="38">
        <v>0</v>
      </c>
    </row>
    <row r="13" spans="2:14" ht="31.7" customHeight="1" x14ac:dyDescent="0.15">
      <c r="B13" s="81" t="s">
        <v>77</v>
      </c>
      <c r="C13" s="81"/>
      <c r="D13" s="81"/>
      <c r="E13" s="81"/>
      <c r="F13" s="81"/>
      <c r="G13" s="81"/>
      <c r="H13" s="81"/>
      <c r="I13" s="38">
        <v>0</v>
      </c>
      <c r="J13" s="38">
        <v>0</v>
      </c>
      <c r="K13" s="38">
        <v>0</v>
      </c>
      <c r="L13" s="38">
        <v>0</v>
      </c>
      <c r="M13" s="38">
        <v>0</v>
      </c>
      <c r="N13" s="38">
        <v>0</v>
      </c>
    </row>
    <row r="14" spans="2:14" ht="31.7" customHeight="1" x14ac:dyDescent="0.15">
      <c r="B14" s="81" t="s">
        <v>78</v>
      </c>
      <c r="C14" s="81"/>
      <c r="D14" s="81"/>
      <c r="E14" s="81"/>
      <c r="F14" s="81"/>
      <c r="G14" s="81"/>
      <c r="H14" s="81"/>
      <c r="I14" s="38">
        <v>0</v>
      </c>
      <c r="J14" s="38">
        <v>0</v>
      </c>
      <c r="K14" s="38">
        <v>0</v>
      </c>
      <c r="L14" s="38">
        <v>0</v>
      </c>
      <c r="M14" s="38">
        <v>0</v>
      </c>
      <c r="N14" s="38">
        <v>0</v>
      </c>
    </row>
    <row r="15" spans="2:14" ht="31.7" customHeight="1" x14ac:dyDescent="0.15">
      <c r="B15" s="81" t="s">
        <v>79</v>
      </c>
      <c r="C15" s="81"/>
      <c r="D15" s="81"/>
      <c r="E15" s="81"/>
      <c r="F15" s="81"/>
      <c r="G15" s="81"/>
      <c r="H15" s="81"/>
      <c r="I15" s="38">
        <v>0</v>
      </c>
      <c r="J15" s="38">
        <v>0</v>
      </c>
      <c r="K15" s="38">
        <v>0</v>
      </c>
      <c r="L15" s="38">
        <v>0</v>
      </c>
      <c r="M15" s="38">
        <v>0</v>
      </c>
      <c r="N15" s="38">
        <v>0</v>
      </c>
    </row>
    <row r="16" spans="2:14" ht="31.7" customHeight="1" x14ac:dyDescent="0.15">
      <c r="B16" s="81" t="s">
        <v>80</v>
      </c>
      <c r="C16" s="81"/>
      <c r="D16" s="81"/>
      <c r="E16" s="81"/>
      <c r="F16" s="81"/>
      <c r="G16" s="81"/>
      <c r="H16" s="81"/>
      <c r="I16" s="38">
        <v>71342450</v>
      </c>
      <c r="J16" s="38">
        <v>68812010</v>
      </c>
      <c r="K16" s="38">
        <v>71342450</v>
      </c>
      <c r="L16" s="38">
        <v>0</v>
      </c>
      <c r="M16" s="38">
        <v>71342450</v>
      </c>
      <c r="N16" s="38">
        <v>68812010</v>
      </c>
    </row>
    <row r="17" spans="2:14" ht="31.7" customHeight="1" x14ac:dyDescent="0.15">
      <c r="B17" s="81" t="s">
        <v>81</v>
      </c>
      <c r="C17" s="81"/>
      <c r="D17" s="81"/>
      <c r="E17" s="81"/>
      <c r="F17" s="81"/>
      <c r="G17" s="81"/>
      <c r="H17" s="81"/>
      <c r="I17" s="38">
        <v>892126188</v>
      </c>
      <c r="J17" s="38">
        <v>0</v>
      </c>
      <c r="K17" s="38">
        <v>30762972</v>
      </c>
      <c r="L17" s="38">
        <v>11488069</v>
      </c>
      <c r="M17" s="38">
        <v>42251041</v>
      </c>
      <c r="N17" s="38">
        <v>849875147</v>
      </c>
    </row>
    <row r="18" spans="2:14" ht="31.7" customHeight="1" x14ac:dyDescent="0.15">
      <c r="B18" s="81" t="s">
        <v>82</v>
      </c>
      <c r="C18" s="81"/>
      <c r="D18" s="81"/>
      <c r="E18" s="81"/>
      <c r="F18" s="81"/>
      <c r="G18" s="81"/>
      <c r="H18" s="81"/>
      <c r="I18" s="38">
        <v>0</v>
      </c>
      <c r="J18" s="38">
        <v>0</v>
      </c>
      <c r="K18" s="38">
        <v>0</v>
      </c>
      <c r="L18" s="38">
        <v>0</v>
      </c>
      <c r="M18" s="38">
        <v>0</v>
      </c>
      <c r="N18" s="38">
        <v>0</v>
      </c>
    </row>
    <row r="19" spans="2:14" ht="31.7" customHeight="1" x14ac:dyDescent="0.15">
      <c r="B19" s="82" t="s">
        <v>83</v>
      </c>
      <c r="C19" s="82"/>
      <c r="D19" s="82"/>
      <c r="E19" s="82"/>
      <c r="F19" s="82"/>
      <c r="G19" s="82"/>
      <c r="H19" s="82"/>
      <c r="I19" s="38">
        <v>966073295</v>
      </c>
      <c r="J19" s="38">
        <v>68812010</v>
      </c>
      <c r="K19" s="38">
        <v>102105422</v>
      </c>
      <c r="L19" s="38">
        <v>11488069</v>
      </c>
      <c r="M19" s="38">
        <v>113593491</v>
      </c>
      <c r="N19" s="38">
        <v>921291814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5</vt:i4>
      </vt:variant>
    </vt:vector>
  </HeadingPairs>
  <TitlesOfParts>
    <vt:vector size="9" baseType="lpstr">
      <vt:lpstr>注記</vt:lpstr>
      <vt:lpstr>有形固定資産等明細表</vt:lpstr>
      <vt:lpstr>出資金明細</vt:lpstr>
      <vt:lpstr>引当金明細表</vt:lpstr>
      <vt:lpstr>引当金明細表!Print_Area</vt:lpstr>
      <vt:lpstr>出資金明細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1-10-11T07:53:34Z</dcterms:created>
  <dcterms:modified xsi:type="dcterms:W3CDTF">2021-10-11T14:52:06Z</dcterms:modified>
</cp:coreProperties>
</file>